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autoCompressPictures="0" defaultThemeVersion="124226"/>
  <mc:AlternateContent xmlns:mc="http://schemas.openxmlformats.org/markup-compatibility/2006">
    <mc:Choice Requires="x15">
      <x15ac:absPath xmlns:x15ac="http://schemas.microsoft.com/office/spreadsheetml/2010/11/ac" url="C:\Users\s49018\Documents\PACIFICO\SLIP\Slip uso comercial 2021\"/>
    </mc:Choice>
  </mc:AlternateContent>
  <bookViews>
    <workbookView xWindow="0" yWindow="0" windowWidth="23040" windowHeight="8616" tabRatio="962"/>
  </bookViews>
  <sheets>
    <sheet name="RESUMEN" sheetId="5" r:id="rId1"/>
    <sheet name="BAJO RIESGO 1" sheetId="10" r:id="rId2"/>
    <sheet name="BAJO RIESGO 2" sheetId="61" r:id="rId3"/>
    <sheet name="MEDIANO RIESGO" sheetId="43" r:id="rId4"/>
    <sheet name="ALTO RIESGO" sheetId="62" r:id="rId5"/>
    <sheet name="CHINOS E INDIOS" sheetId="44" r:id="rId6"/>
    <sheet name="TIMÓN CAMBIADO" sheetId="45" r:id="rId7"/>
    <sheet name="L5" sheetId="46" r:id="rId8"/>
    <sheet name="PICK UP" sheetId="47" r:id="rId9"/>
    <sheet name="L7" sheetId="48" r:id="rId10"/>
    <sheet name="L8" sheetId="49" r:id="rId11"/>
    <sheet name="L9" sheetId="50" r:id="rId12"/>
    <sheet name="VERSIÓN AMERICANA" sheetId="51" r:id="rId13"/>
    <sheet name="L11" sheetId="52" r:id="rId14"/>
    <sheet name="L12" sheetId="53" r:id="rId15"/>
    <sheet name="P1" sheetId="54" r:id="rId16"/>
    <sheet name="P2" sheetId="55" r:id="rId17"/>
    <sheet name="P3" sheetId="56" r:id="rId18"/>
    <sheet name="P4" sheetId="57" r:id="rId19"/>
    <sheet name="TASAS" sheetId="2" state="hidden" r:id="rId20"/>
  </sheets>
  <definedNames>
    <definedName name="_xlnm._FilterDatabase" localSheetId="4" hidden="1">'ALTO RIESGO'!#REF!</definedName>
    <definedName name="_xlnm._FilterDatabase" localSheetId="1" hidden="1">'BAJO RIESGO 1'!#REF!</definedName>
    <definedName name="_xlnm._FilterDatabase" localSheetId="2" hidden="1">'BAJO RIESGO 2'!#REF!</definedName>
    <definedName name="_xlnm._FilterDatabase" localSheetId="5" hidden="1">'CHINOS E INDIOS'!#REF!</definedName>
    <definedName name="_xlnm._FilterDatabase" localSheetId="13" hidden="1">'L11'!#REF!</definedName>
    <definedName name="_xlnm._FilterDatabase" localSheetId="14" hidden="1">'L12'!#REF!</definedName>
    <definedName name="_xlnm._FilterDatabase" localSheetId="7" hidden="1">'L5'!#REF!</definedName>
    <definedName name="_xlnm._FilterDatabase" localSheetId="9" hidden="1">'L7'!#REF!</definedName>
    <definedName name="_xlnm._FilterDatabase" localSheetId="10" hidden="1">'L8'!#REF!</definedName>
    <definedName name="_xlnm._FilterDatabase" localSheetId="11" hidden="1">'L9'!#REF!</definedName>
    <definedName name="_xlnm._FilterDatabase" localSheetId="3" hidden="1">'MEDIANO RIESGO'!#REF!</definedName>
    <definedName name="_xlnm._FilterDatabase" localSheetId="15" hidden="1">'P1'!#REF!</definedName>
    <definedName name="_xlnm._FilterDatabase" localSheetId="16" hidden="1">'P2'!#REF!</definedName>
    <definedName name="_xlnm._FilterDatabase" localSheetId="17" hidden="1">'P3'!#REF!</definedName>
    <definedName name="_xlnm._FilterDatabase" localSheetId="18" hidden="1">'P4'!#REF!</definedName>
    <definedName name="_xlnm._FilterDatabase" localSheetId="8" hidden="1">'PICK UP'!#REF!</definedName>
    <definedName name="_xlnm._FilterDatabase" localSheetId="6" hidden="1">'TIMÓN CAMBIADO'!#REF!</definedName>
    <definedName name="_xlnm._FilterDatabase" localSheetId="12" hidden="1">'VERSIÓN AMERICANA'!#REF!</definedName>
    <definedName name="_xlnm.Print_Area" localSheetId="4">'ALTO RIESGO'!$A$1:$P$93</definedName>
    <definedName name="_xlnm.Print_Area" localSheetId="1">'BAJO RIESGO 1'!$A$1:$P$93</definedName>
    <definedName name="_xlnm.Print_Area" localSheetId="2">'BAJO RIESGO 2'!$A$1:$P$92</definedName>
    <definedName name="_xlnm.Print_Area" localSheetId="5">'CHINOS E INDIOS'!$A$1:$P$92</definedName>
    <definedName name="_xlnm.Print_Area" localSheetId="13">'L11'!$A$1:$P$78</definedName>
    <definedName name="_xlnm.Print_Area" localSheetId="14">'L12'!$A$1:$P$69</definedName>
    <definedName name="_xlnm.Print_Area" localSheetId="7">'L5'!$A$1:$P$71</definedName>
    <definedName name="_xlnm.Print_Area" localSheetId="9">'L7'!$A$1:$P$68</definedName>
    <definedName name="_xlnm.Print_Area" localSheetId="10">'L8'!$A$1:$P$67</definedName>
    <definedName name="_xlnm.Print_Area" localSheetId="11">'L9'!$A$1:$P$55</definedName>
    <definedName name="_xlnm.Print_Area" localSheetId="3">'MEDIANO RIESGO'!$A$1:$P$93</definedName>
    <definedName name="_xlnm.Print_Area" localSheetId="15">'P1'!$A$1:$P$76</definedName>
    <definedName name="_xlnm.Print_Area" localSheetId="16">'P2'!$A$1:$P$77</definedName>
    <definedName name="_xlnm.Print_Area" localSheetId="17">'P3'!$A$1:$P$64</definedName>
    <definedName name="_xlnm.Print_Area" localSheetId="18">'P4'!$A$1:$P$66</definedName>
    <definedName name="_xlnm.Print_Area" localSheetId="8">'PICK UP'!$A$1:$P$77</definedName>
    <definedName name="_xlnm.Print_Area" localSheetId="0">RESUMEN!$A$1:$D$24</definedName>
    <definedName name="_xlnm.Print_Area" localSheetId="6">'TIMÓN CAMBIADO'!$A$1:$P$74</definedName>
    <definedName name="_xlnm.Print_Area" localSheetId="12">'VERSIÓN AMERICANA'!$A$1:$P$73</definedName>
  </definedNames>
  <calcPr calcId="152511" concurrentCalc="0"/>
  <extLst>
    <ext xmlns:mx="http://schemas.microsoft.com/office/mac/excel/2008/main" uri="{7523E5D3-25F3-A5E0-1632-64F254C22452}">
      <mx:ArchID Flags="2"/>
    </ext>
  </extLst>
</workbook>
</file>

<file path=xl/sharedStrings.xml><?xml version="1.0" encoding="utf-8"?>
<sst xmlns="http://schemas.openxmlformats.org/spreadsheetml/2006/main" count="2519" uniqueCount="290">
  <si>
    <t>CONTRATANTE:</t>
  </si>
  <si>
    <t>ASEGURADO:</t>
  </si>
  <si>
    <t>VIGENCIA:</t>
  </si>
  <si>
    <t>PICK UP</t>
  </si>
  <si>
    <t>COBERTURAS</t>
  </si>
  <si>
    <t>&gt;</t>
  </si>
  <si>
    <t>DAÑO PROPIO:</t>
  </si>
  <si>
    <t>VALOR COMERCIAL</t>
  </si>
  <si>
    <t xml:space="preserve">RESPONSABILIDAD CIVIL FRENTE A TERCEROS: </t>
  </si>
  <si>
    <t>c/u</t>
  </si>
  <si>
    <t>MUERTE:</t>
  </si>
  <si>
    <t>INVALIDEZ PERMANENTE:</t>
  </si>
  <si>
    <t>GASTOS DE CURACION:</t>
  </si>
  <si>
    <t>ACCESORIOS MUSICALES HASTA EL 10% DEL VALOR DE LA UNIDAD, MAXIMO</t>
  </si>
  <si>
    <t>RIESGOS POLITICOS</t>
  </si>
  <si>
    <t>RIESGOS DE LA NATURALEZA</t>
  </si>
  <si>
    <t>CIRCULACION EN VIAS FUERA DEL USO REGULAR Y FRECUENTE</t>
  </si>
  <si>
    <t>SERVICIOS</t>
  </si>
  <si>
    <t>SERVICIO DE GRUA EN CASO DE SINIESTRO HASTA</t>
  </si>
  <si>
    <t>SERVICIO DE AMBULANCIA EN CASO DE SINIESTRO HASTA</t>
  </si>
  <si>
    <t>DEDUCIBLES</t>
  </si>
  <si>
    <t>LOS DEDUCIBLES INDICADOS NO INCLUYEN EL IMPUESTO GENERAL A LAS VENTAS (IGV).</t>
  </si>
  <si>
    <t>LOS TERMINOS ADJUNTOS PODRAN VARIAR EN FUNCION AL RESULTADO DEL INFORME DE INSPECCION.</t>
  </si>
  <si>
    <t>Año</t>
  </si>
  <si>
    <t>CAMIONES</t>
  </si>
  <si>
    <t>PRIMA MINIMA</t>
  </si>
  <si>
    <t>ROTURA DE LUNAS CON REPOSICIÓN POR LUNAS NACIONALES: SIN DEDUCIBLE</t>
  </si>
  <si>
    <t>TASAS Y PRIMA MINIMA</t>
  </si>
  <si>
    <t>LAS UNIDADES HYUNDAI H100, MITSUBISHI CANTER, TOYOTA DYNA, HYUNDAI PORTER Y KIA K-2700 SON CONSIDERADAS COMO CAMIONES.</t>
  </si>
  <si>
    <t>ACCIDENTES PERSONALES DE OCUPANTES: SEGÚN TARJETA DE PROPIEDAD MÁXIMO 5</t>
  </si>
  <si>
    <t>Carga</t>
  </si>
  <si>
    <t>COMISION: 15.00%</t>
  </si>
  <si>
    <t>ANUAL</t>
  </si>
  <si>
    <t>GASTOS DE SEPELIO:</t>
  </si>
  <si>
    <t>AUSENCIA DE CONTROL PARA EMPRESAS O PARA UNIDADES ENDOSADAS</t>
  </si>
  <si>
    <t>L5</t>
  </si>
  <si>
    <t>Camionetas panel</t>
  </si>
  <si>
    <t>L7</t>
  </si>
  <si>
    <t>L8</t>
  </si>
  <si>
    <t>L9</t>
  </si>
  <si>
    <t>Vehículos menores: motocicletas, trimotos, cuatrimoto, moto-carretillas</t>
  </si>
  <si>
    <t>P1</t>
  </si>
  <si>
    <t>P2</t>
  </si>
  <si>
    <t>P3</t>
  </si>
  <si>
    <t>Remolques o semiremolques</t>
  </si>
  <si>
    <t>P4</t>
  </si>
  <si>
    <t>Livianos</t>
  </si>
  <si>
    <t>Pesados</t>
  </si>
  <si>
    <t>ACCESORIOS MUSICALES: 15% DEL MONTO DEL SINIESTRO, MINIMO $ 300.00</t>
  </si>
  <si>
    <t>ROTURA DE LUNAS CON REPOSICIÓN POR LUNAS IMPORTADAS: 30% DE SU VALOR</t>
  </si>
  <si>
    <t>Particular, comercial ó carga</t>
  </si>
  <si>
    <t>Categoría</t>
  </si>
  <si>
    <t>Clase y descripción</t>
  </si>
  <si>
    <t>Uso de la unidad</t>
  </si>
  <si>
    <t>Público urbano</t>
  </si>
  <si>
    <t>Mayor a 10</t>
  </si>
  <si>
    <t>L5: CAMIONETAS PANEL</t>
  </si>
  <si>
    <t>P1: CAMIONES</t>
  </si>
  <si>
    <t>P2: TRACTO-REMOLCADORES</t>
  </si>
  <si>
    <t>Automóviles o camionetas station wagon de uso público (taxi) sólo para flotas de 5 o más unidades</t>
  </si>
  <si>
    <t>L7: AUTOMÓVILES O CAMIONETAS STATION WAGON DE USO PÚBLICO (TAXI) SOLO PARA FLOTAS DE 5 O MÁS</t>
  </si>
  <si>
    <t>P3: REMOLQUES O SEMIREMOLQUES</t>
  </si>
  <si>
    <t>OBSERVACIONES</t>
  </si>
  <si>
    <t>LA INDEMNIZACIÓN EN CASO DE PERDIDA TOTAL SERÁ EL VALOR COMERCIAL DE LA UNIDAD EN EL MOMENTO DEL SINIESTRO.</t>
  </si>
  <si>
    <t>RESPONSABILIDAD CIVIL: 15% DEL MONTO DEL SINIESTRO, MÍNIMO $ 200.00</t>
  </si>
  <si>
    <t>ACCESORIOS MUSICALES: 10% DEL MONTO DEL SINIESTRO, MINIMO $ 150.00</t>
  </si>
  <si>
    <t>ACCESORIOS MUSICALES HASTA EL 10% DEL VALOR ASEGURADO DE LA UNIDAD, CON UN LÍMITE DE $ 1,000.00 O EL VALOR COMERCIAL DEL EQUIPO MUSICAL MATERIA DEL SEGURO, LO QUE RESULTE MENOR . LA RESPONSABILIDAD DE LA COMPAÑÍA ES MÁXIMO UN EQUIPO MUSICAL POR AÑO DE VIGENCIA.</t>
  </si>
  <si>
    <t>CIRCULACION EN VIAS Y CAMINOS FUERA DEL USO REGULAR Y FRECUENTE: 25% DEL MONTO DEL SINIESTRO, MINIMO $ 500.00</t>
  </si>
  <si>
    <t>LA COBERTURA DE RESPONSABILIDAD CIVIL FRENTE A OCUPANTES ES SEGÚN TARJETA DE PROPIEDAD, MÁXIMO CUATRO (4), EXCEPTUANDO EL CONDUCTOR. LA SUMA ASEGURADA ES POR OCUPANTE.</t>
  </si>
  <si>
    <t>LA COBERTURA DE ACCIDENTES PERSONALES ES SEGÚN TARJETA DE PROPIEDAD, MÁXIMO CINCO (5).</t>
  </si>
  <si>
    <t>RESPONSABILIDAD CIVIL FRENTE A OCUPANTES: (SEGÚN TARJETA DE PROPIEDAD, MÁXIMO 4 OCUPANTES, NO INCLUYE AL CONDUCTOR).</t>
  </si>
  <si>
    <t>CLAUSULA DE REPUESTOS PARA VERSIONES AMERICANAS</t>
  </si>
  <si>
    <t>ACCIDENTES PERSONALES DE OCUPANTES: SEGÚN TARJETA DE PROPIEDAD MÁXIMO 3</t>
  </si>
  <si>
    <t>RESPONSABILIDAD CIVIL FRENTE A OCUPANTES: (SEGÚN TARJETA DE PROPIEDAD, MÁXIMO 2 OCUPANTES, NO INCLUYE AL CONDUCTOR).</t>
  </si>
  <si>
    <t>LA COBERTURA DE RESPONSABILIDAD CIVIL FRENTE A OCUPANTES ES SEGÚN TARJETA DE PROPIEDAD, MÁXIMO DOS (2), EXCEPTUANDO EL CONDUCTOR. LA SUMA ASEGURADA ES POR OCUPANTE.</t>
  </si>
  <si>
    <t>LA COBERTURA DE ACCIDENTES PERSONALES ES SEGÚN TARJETA DE PROPIEDAD, MÁXIMO TRES (3).</t>
  </si>
  <si>
    <t>CIRCULACION EN VIAS Y CAMINOS FUERA DEL USO REGULAR Y FRECUENTE: 20% DEL MONTO DEL SINIESTRO, MINIMO $ 600.00</t>
  </si>
  <si>
    <t>ACCIDENTES PERSONALES DE OCUPANTES: SOLO CONDUCTOR</t>
  </si>
  <si>
    <t>RESPONSABILIDAD CIVIL: 15% DEL MONTO DEL SINIESTRO, MÍNIMO $ 350.00</t>
  </si>
  <si>
    <t>RESPONSABILIDAD CIVIL: 20% DEL MONTO DEL SINIESTRO, MÍNIMO $ 500.00</t>
  </si>
  <si>
    <t>CIRCULACION EN VIAS Y CAMINOS FUERA DEL USO REGULAR Y FRECUENTE: 25% DEL MONTO DEL SINIESTRO, MINIMO $ 1,000.00</t>
  </si>
  <si>
    <t>Robo total: Máximo 30 días por vigencia</t>
  </si>
  <si>
    <t>CUBIERTO</t>
  </si>
  <si>
    <t>RESPONSABILIDAD CIVIL: 10% DEL MONTO DEL SINIESTRO, MÍNIMO $ 150.00</t>
  </si>
  <si>
    <t>RESPONSABILIDAD CIVIL: 10% DEL MONTO DEL SINIESTRO, MÍNIMO $ 250.00</t>
  </si>
  <si>
    <t>ROBO TOTAL SIN SISTEMA DE RASTREO ACTIVO: 30% DEL MONTO INDEMNIZABLE</t>
  </si>
  <si>
    <t>ROBO TOTAL CON SISTEMA DE RASTREO ACTIVO: SIN DEDUCIBLE</t>
  </si>
  <si>
    <t>TALLERES PREFERENTES: 15% DEL MONTO DEL SINIESTRO, MINIMO $ 300.00</t>
  </si>
  <si>
    <t xml:space="preserve">LAS PRESENTES CONDICIONES NO SON VÁLIDAS PARA UNIDADES DE ALQUILER O RENTING. LA COBERTURA ESTA LIMITADA AL USO CARGA. </t>
  </si>
  <si>
    <t>LAS PRESENTES CONDICIONES NO SON VÁLIDAS PARA UNIDADES DE ALQUILER O RENTING. LA COBERTURA ESTA LIMITADA AL USO PUBLICO URBANO.</t>
  </si>
  <si>
    <t>CONDICION ESPECIAL</t>
  </si>
  <si>
    <t xml:space="preserve">RESPONSABILIDAD CIVIL POR AUSENCIA DE CONTROL </t>
  </si>
  <si>
    <t>LA COBERTURA DE DAÑO PROPIO NO CUBRE EL ROBO PARCIAL EN NINGUNA CIRCUNSTANCIA. ASIMISMO, LA PERDIDA TOTAL ORIGINADA POR UN ROBO PARCIAL NO TIENE COBERTURA.</t>
  </si>
  <si>
    <t>LIMA</t>
  </si>
  <si>
    <t>PERDIDA PARCIAL O TOTAL POR AUSENCIA DE CONTROL Y RESPONSABILIDAD CIVIL POR AUSENCIA DE CONTROL : 20% DEL MONTO DEL SINIESTRO, MINIMO $ 500.00</t>
  </si>
  <si>
    <t>CIRCULACION EN VIAS Y CAMINOS FUERA DEL USO REGULAR Y FRECUENTE: 20% DEL MONTO DEL SINIESTRO, MINIMO $ 500.00</t>
  </si>
  <si>
    <t>PERDIDA PARCIAL O TOTAL POR AUSENCIA DE CONTROL Y RESPONSABILIDAD CIVIL POR AUSENCIA DE CONTROL : 25% DEL MONTO DEL SINIESTRO, MINIMO $ 500.00</t>
  </si>
  <si>
    <t xml:space="preserve">SE EXTIENDE LA COBERTURA DE RESPONSABILIDAD CIVIL A LOS DAÑOS A TERCEROS OCASIONADOS POR REMOLQUES Y/O SEMI-REMOLQUES SIEMPRE Y CUANDO EL DAÑO SE PRODUZCA MIENTRAS EL REMOLQUE Y/O SEMI-REMOLQUE SE ENCUENTRE SIENDO REMOLCADO POR LA UNIDAD ASEGURADA.
EN NINGÚN CASO LA RESPONSABILIDAD DE LA COMPAÑÍA POR LA COBERTURA DE RESPONSABILIDAD CIVIL EXCEDERÁ DE LA SUMA INDICADA EN EL SUMARIO DE LA PÓLIZA, SIN IMPORTAR EL NÚMERO DE UNIDADES QUE INTERVENGAN EN EL ACCIDENTE
</t>
  </si>
  <si>
    <t>L9: VEHÍCULOS MENORES: MOTOCICLETAS, TRIMOTOS, CUATRIMOTOS Y MOTOCARRETILLAS (SOLO PARA FLOTAS DE 5 O MAS)</t>
  </si>
  <si>
    <t>ACCIDENTES PERSONALES DE OCUPANTES: SEGÚN TARJETA DE PROPIEDAD MÁXIMO 2 (CHOFER Y COPILOTO)</t>
  </si>
  <si>
    <t>LA COBERTURA DE ACCIDENTES PERSONALES ES SEGÚN TARJETA DE PROPIEDAD, MÁXIMO DOS (CHOFER Y COPILOTO).</t>
  </si>
  <si>
    <t>L12: AMBULANCIAS</t>
  </si>
  <si>
    <t>CIRCULACION EN VIAS Y CAMINOS FUERA DEL USO REGULAR Y FRECUENTE: 20% DEL MONTO DEL SINIESTRO, MINIMO $ 1,000.00</t>
  </si>
  <si>
    <t>ACCESORIOS MUSICALES: 15% DEL MONTO DEL SINIESTRO, MINIMO $ 200.00</t>
  </si>
  <si>
    <t>AUTO DE REEMPLAZO: $ 90.00 POR EVENTO.</t>
  </si>
  <si>
    <t>L11</t>
  </si>
  <si>
    <t>Alquiler (renting)</t>
  </si>
  <si>
    <t>L12</t>
  </si>
  <si>
    <t>Ambulancias</t>
  </si>
  <si>
    <t>Ambulancia</t>
  </si>
  <si>
    <t>Choque, incendio, vuelco: Máximo 15 días por vigencia</t>
  </si>
  <si>
    <t>ROBO TOTAL PARA LAS UNIDADES QUE DEBIENDO TENER INSTALADO Y ACTIVO UN SISTEMA DE RASTREO Y NO LO CUENTEN EN EL MOMENTO DEL ROBO: SIN COBERTURA</t>
  </si>
  <si>
    <t>PERDIDA PARCIAL O TOTAL POR VOLCADURA, DESPISTE O DESBARRANCAMIENTO : 20% DEL MONTO INDEMNIZABLE, MÍNIMO $ 500.00</t>
  </si>
  <si>
    <t>Camionetas rurales con más de 8 asientos</t>
  </si>
  <si>
    <t>L10: AUTOMÓVILES, CAMIONETAS RURALES O CAMIONETAS STATION WAGON DE HASTA 8 ASIENTOS VERSION AMERICANA</t>
  </si>
  <si>
    <t>CONDICION ESPECIAL GENERAL</t>
  </si>
  <si>
    <t>RESPONSABILIDAD CIVIL: 15% DEL MONTO DEL SINIESTRO, MÍNIMO $ 500.00</t>
  </si>
  <si>
    <t>PERDIDA TOTAL: 20% DEL MONTO INDEMNIZABLE</t>
  </si>
  <si>
    <t>ACCESORIOS DE RADIO COMUNICACIÓN FIJOS HASTA EL 10% DEL VALOR DE LA UNIDAD, MAXIMO</t>
  </si>
  <si>
    <t>Comercial</t>
  </si>
  <si>
    <t>Particular</t>
  </si>
  <si>
    <t>Automóviles, camionetas station wagon o camionetas rurales de hasta 8 asientos de mediano riesgo</t>
  </si>
  <si>
    <t>Camionetas pick up</t>
  </si>
  <si>
    <t>ASESORÍA EN DEFENSA JURÍDICA PENAL CON ABOGADOS DE PACIFICO</t>
  </si>
  <si>
    <t>CHOFER DE REEMPLAZO*</t>
  </si>
  <si>
    <t>AUTO DE REEMPLAZO*</t>
  </si>
  <si>
    <t>SERVICIO DE AUXILIO MECÁNICO*</t>
  </si>
  <si>
    <t>ATENCIÓN PERMANENTE A TRAVÉS DE PACIFICO ASISTE AL 415-1515 (DESDE LIMA O PROVINCIAS)</t>
  </si>
  <si>
    <t>ASESORIA EN CASO DE ACCIDENTES DE TRANSITO - PROCURADURIA*</t>
  </si>
  <si>
    <t>LA COBERTURA DE AUSENCIA DE CONTROL Y RESPONSABILIDAD CIVIL POR AUSENCIA DE CONTROL ESTAN SUJETAS A CONDICIONES SEGÚN CLAUSULA.</t>
  </si>
  <si>
    <t>SE DEJA CONSTANCIA QUE LA RELACION DE TALLERES PREFERENTES Y AFILIADOS FORMAN PARTE DE LA PÓLIZA.</t>
  </si>
  <si>
    <t>LOS SERVICIOS DE AUXILIO MECÁNICO, AUTO DE REEMPLAZO Y CHOFER DE REEMPLAZO ESTÁN SUJETOS A CONDICIONES INDICADAS EN LAS RESPECTIVAS CLAUSULAS Y AL RADIO DE ACCIÓN QUE FIGURA EN LA PÁGINA WEB: WWW.PACIFICOSEGUROS.COM</t>
  </si>
  <si>
    <t xml:space="preserve">LAS PRESENTES CONDICIONES NO SON VÁLIDAS PARA UNIDADES DE ALQUILER O RENTING. LA COBERTURA ESTA LIMITADA AL USO COMERCIAL. </t>
  </si>
  <si>
    <t>Prima Mínima</t>
  </si>
  <si>
    <t>CONDICIONES ESPECIALES</t>
  </si>
  <si>
    <t>A)</t>
  </si>
  <si>
    <t>B)</t>
  </si>
  <si>
    <t>ANTIGÜEDAD (AÑOS)</t>
  </si>
  <si>
    <t>COMISIÓN</t>
  </si>
  <si>
    <t>RESTITUCION AUTOMATICA DE LA SUMA ASEGURADA SIN COSTO, NO APLICABLE A ACCESORIOS MUSICALES.</t>
  </si>
  <si>
    <t>LOS SERVICIOS DE AUXILIO MECÁNICO Y CHOFER DE REEMPLAZO ESTÁN SUJETOS A CONDICIONES INDICADAS EN LAS RESPECTIVAS CLAUSULAS Y AL RADIO DE ACCIÓN QUE FIGURA EN LA PÁGINA WEB: WWW.PACIFICOSEGUROS.COM</t>
  </si>
  <si>
    <t>LOS AUTOS TIMÓN CAMBIADO SOLO PODRÁN SER REPARADOS EN LOS TALLERES PARA AUTOS TIMÓN CAMBIADO DETALLADOS EN LA PÓLIZA.</t>
  </si>
  <si>
    <t>LOS SERVICIOS DE AUXILIO MECÁNICO ESTÁN SUJETOS A CONDICIONES INDICADAS EN LAS RESPECTIVAS CLAUSULAS Y AL RADIO DE ACCIÓN QUE FIGURA EN LA PÁGINA WEB: WWW.PACIFICOSEGUROS.COM</t>
  </si>
  <si>
    <t xml:space="preserve">LAS PRESENTES CONDICIONES NO SON VÁLIDAS PARA UNIDADES DE ALQUILER O RENTING. LA COBERTURA ESTA LIMITADA AL USO CARGA O COMERCIAL. </t>
  </si>
  <si>
    <t>ACCESORIOS DE RADIO COMUNICACIÓN FIJOS: 10% DEL MONTO DEL SINIESTRO, MINIMO $ 150.00</t>
  </si>
  <si>
    <t>ACCESORIOS DE RADIO COMUNICACIÓN FIJOS HASTA EL 10% DEL VALOR ASEGURADO DE LA UNIDAD, CON UN LÍMITE DE $ 1,000.00 O EL VALOR COMERCIAL DEL ACCESORIO MATERIA DEL SEGURO, LO QUE RESULTE MENOR . LA RESPONSABILIDAD DE LA COMPAÑÍA ES MÁXIMO UN EQUIPO POR AÑO DE VIGENCIA.</t>
  </si>
  <si>
    <t>LAS PRESENTES CONDICIONES NO SON VÁLIDAS PARA UNIDADES DE ALQUILER O RENTING. LA COBERTURA ESTA LIMITADA AL USO COMERCIAL O CARGA.</t>
  </si>
  <si>
    <t>PERDIDA PARCIAL O TOTAL POR AUSENCIA DE CONTROL Y RESPONSABILIDAD CIVIL POR AUSENCIA DE CONTROL : 25% DEL MONTO DEL SINIESTRO, MINIMO $ 600.00</t>
  </si>
  <si>
    <t>PERDIDA TOTAL: 40% DEL MONTO INDEMNIZABLE</t>
  </si>
  <si>
    <t>LA COBERTURA DE ACCIDENTES PERSONALES ES SOLO PARA EL CONDUCTOR</t>
  </si>
  <si>
    <t>PERDIDA PARCIAL O TOTAL POR AUSENCIA DE CONTROL Y RESPONSABILIDAD CIVIL POR AUSENCIA DE CONTROL : 25% DEL MONTO DEL SINIESTRO, MINIMO $ 300.00</t>
  </si>
  <si>
    <t>LAS PRESENTES CONDICIONES NO SON VÁLIDAS PARA UNIDADES DE ALQUILER O RENTING. LA COBERTURA ESTA LIMITADA AL USO COMERCIAL</t>
  </si>
  <si>
    <t>TALLERES PARA AUTOS VERSIÓN AMERICANA: 15% DEL MONTO DEL SINIESTRO, MINIMO $ 250.00</t>
  </si>
  <si>
    <r>
      <t xml:space="preserve">DAÑO PROPIO </t>
    </r>
    <r>
      <rPr>
        <b/>
        <sz val="9"/>
        <color indexed="8"/>
        <rFont val="Calibri"/>
        <family val="2"/>
      </rPr>
      <t>(SIN ROBO PARCIAL)</t>
    </r>
    <r>
      <rPr>
        <sz val="9"/>
        <color indexed="8"/>
        <rFont val="Calibri"/>
        <family val="2"/>
      </rPr>
      <t>:</t>
    </r>
  </si>
  <si>
    <t>PERDIDA PARCIAL O TOTAL POR AUSENCIA DE CONTROL Y RESPONSABILIDAD CIVIL POR AUSENCIA DE CONTROL : 20% DEL MONTO DEL SINIESTRO, MINIMO $ 1,000.00</t>
  </si>
  <si>
    <t>ACCESORIOS DE RADIO COMUNICACIÓN FIJOS: 15% DEL MONTO DEL SINIESTRO, MINIMO $ 200.00</t>
  </si>
  <si>
    <t>ROBO TOTAL PARA LAS UNIDADES QUE DEBIENDO TENER INSTALADO Y ACTIVO UN SISTEMA DE RASTREO Y NO LO TENGAN EN EL MOMENTO DEL ROBO: SIN COBERTURA</t>
  </si>
  <si>
    <t>LAS PRESENTES CONDICIONES SON VÁLIDAS PARA UNIDADES DE USO ALQUILER O RENTING Y ÚNICAMENTE PARA PERSONA JURÍDICAS (RUC 20…)</t>
  </si>
  <si>
    <t>LAS PRESENTES CONDICIONES NO SON VÁLIDAS PARA UNIDADES DE ALQUILER O RENTING. LA COBERTURA ESTA LIMITADA AL USO AMBULANCIA.</t>
  </si>
  <si>
    <t>GASTOS DE BÚSQUEDA Y SALVATAJE, HASTA</t>
  </si>
  <si>
    <t>$ 2,500</t>
  </si>
  <si>
    <t>RESPONSABILIDAD CIVIL: 10% DEL MONTO DEL SINIESTRO, MÍNIMO $ 500.00</t>
  </si>
  <si>
    <t>PERDIDA PARCIAL O TOTAL POR AUSENCIA DE CONTROL Y RESPONSABILIDAD CIVIL POR AUSENCIA DE CONTROL : 25% DEL MONTO DEL SINIESTRO, MINIMO $ 1,000.00</t>
  </si>
  <si>
    <t xml:space="preserve">   PÉRDIDA TOTAL POR CHOQUE, VOLCADURA, DESPISTE Y/O DESBARRANCAMIENTO: 10% DEL MONTO INDEMNIZABLE</t>
  </si>
  <si>
    <t>PÉRDIDA TOTAL POR CHOQUE, VOLCADURA, DESPISTE Y/O DESBARRANCAMIENTO: 20% DEL MONTO INDEMNIZABLE</t>
  </si>
  <si>
    <t>RESPONSABILIDAD CIVIL: 15% DEL MONTO DEL SINIESTRO, MÍNIMO $ 1,000.00</t>
  </si>
  <si>
    <t>Automóviles, camionetas station wagon o camionetas rurales de hasta 8 asientos de procedencia china o india</t>
  </si>
  <si>
    <t>Automóviles, camionetas station wagon o camionetas rurales de hasta 8 asientos de timón invertido</t>
  </si>
  <si>
    <t>Automóviles, camionetas station wagon o camionetas rurales de hasta 8 asientos versiones americanas</t>
  </si>
  <si>
    <t>Camiones</t>
  </si>
  <si>
    <t>Tracto-remolcadores</t>
  </si>
  <si>
    <t xml:space="preserve">POLITICA DE SUSCRIPCION </t>
  </si>
  <si>
    <t>SEGURO DE AUTOS TODO RIESGO EMPRESAS - LIMA Y PROVINCIAS</t>
  </si>
  <si>
    <t>P4: MICROBUSES CON MENOS DE 36 ASIENTOS Y OMNIBUSES HASTA 50 ASIENTOS</t>
  </si>
  <si>
    <t>Microbuses con menos de 36 asientos y omnibuses hasta 50 asientos</t>
  </si>
  <si>
    <t>TALLERES TIMÓN CAMBIADO: 15% DEL MONTO DEL SINIESTRO, MINIMO $ 250.00</t>
  </si>
  <si>
    <t>CLÁUSULA DE TIMÓN CAMBIADO</t>
  </si>
  <si>
    <t>L11: AUTOS, CAMIONETAS RURALES, SW Y PICK UP HASTA 8 ASIENTOS DE USO ALQUILER (DE 3 A MAS UNIDADES)</t>
  </si>
  <si>
    <t>Automóviles, camionetas station wagon, camionetas rurales y camionetas pick up de hasta 8 asientos de uso alquiler (renting)</t>
  </si>
  <si>
    <t>PERDIDA PARCIAL POR VOLCADURA O DESPISTE (SOLO PARA PICK UP): 20% DEL MONTO DEL SINIESTRO, MINIMO $1,000.00</t>
  </si>
  <si>
    <t>CLÁUSULA DE COBERTURA DE VEHÍCULOS DE TRABAJO PESADO</t>
  </si>
  <si>
    <t>CLÁUSULA DE REMOLQUE Y SEMI REMOLQUE</t>
  </si>
  <si>
    <t>DAÑOS AL MOBILIARIO: 20% DEL MONTO INDEMNIZABLE</t>
  </si>
  <si>
    <t>LOS ACCESORIOS Y/O ACONDICIONAMIENTO DE AMBULANCIAS DEBEN SER FIJOS Y NO INCLUYEN INSTRUMENTAL MÉDICO, EQUIPO MÉDICO, EQUIPOS ELECTRÓNICOS, NI RÓTULOS EXTERNOS Y/O VINILES DE PUBLICIDAD.</t>
  </si>
  <si>
    <t>DAÑOS A LA CAMARA ISOTÉRMICA, CÁMARA FRIGORÍFICA, GRUAS, TANQUES: 25% DEL MONTO DEL SINIESTRO, MINIMO $ 2,000.00</t>
  </si>
  <si>
    <t>LA SUMA ASEGURADA  DECLARADA DEBERÁ INCLUIR EL VALOR DE LA CARROCERÍA Y/O EQUIPOS INSTALADOS (FURGÓN, CARROCERÍAS, TOLVAS, GRÚAS, BOMBAS, ETC.) DE FORMA FIJA.</t>
  </si>
  <si>
    <t>PARA UNIDADES QUE SE DEDIQUEN AL TRANSPORTE DE MATERIALES EXPLOSIVOS, CORROSIVOS Y/O INFLAMABLES, LA COBERTURA ESTARÁ CONDICIONADA A:</t>
  </si>
  <si>
    <t>CUMPLIMIENTO DE LAS NORMAS Y REGULACIONES QUE RIGEN EL TRANSPORTE DE COMBUSTIBLE Y MATERIALES PELIGROSOS, SEGÚN NORMAS VIGENTES DEL MTC Y LOS ORGANISMOS PÚBLICOS QUE LOS REGULAN.</t>
  </si>
  <si>
    <t>SOLO SE CUBRIRÁ EL RIESGO DE INCENDIO MIENTRAS LA UNIDAD SE ENCUENTRA CIRCULANDO EN LA VÍA PÚBLICA. NO SE CUBRE SINIESTROS ORIGINADOS POR LA CARGA, DESCARGA O MANIPULEO DE LA MISMA.</t>
  </si>
  <si>
    <t>SOLO SE CUBRIRÁN LOS ACCESORIOS ESPECIALES FIJOS QUE SE ENCUENTREN DETALLADOS EN LA PÓLIZA. LA SUMA ASEGURADA DE LA UNIDAD INCLUYE EL VALOR DE LOS MISMOS.</t>
  </si>
  <si>
    <t>LOS AUTOS VERSIÓN AMERICANA SOLO PODRÁN SER REPARADOS EN LOS TALLERES PARA AUTOS VERSIÓN AMERICANA DETALLADOS EN LA PÓLIZA.</t>
  </si>
  <si>
    <t>COMISION:</t>
  </si>
  <si>
    <t>TALLERES PREFERENTES</t>
  </si>
  <si>
    <t>TALLERES NO AFILIADOS</t>
  </si>
  <si>
    <t>Plaza</t>
  </si>
  <si>
    <t>Lima y Provincias</t>
  </si>
  <si>
    <t>TODO EL PERU</t>
  </si>
  <si>
    <t>LOS DEDUCIBLES SE DUPLICARAN EN CASO DE CONDUCTORES MENORES A 26 AÑOS PARA SINIESTROS POR CHOQUE, VUELCO O DESPISTE CUANDO EL CONDUCTOR SEA RESPONSABLE O COMPARTA LA RESPONSABILIDAD SEGÚN LOS RESULTADOS DE LAS INVESTIGACIONES.</t>
  </si>
  <si>
    <t>TALLERES AFILIADOS RED 1</t>
  </si>
  <si>
    <t>TALLERES AFILIADOS RED 2</t>
  </si>
  <si>
    <t>MEDIANO RIESGO: AUTOMÓVILES, CAMIONETAS STATION WAGON O CAMIONETAS RURALES DE MEDIANO RIESGO</t>
  </si>
  <si>
    <t>BAJO RIESGO 2: AUTOMÓVILES, CAMIONETAS STATION WAGON O CAMIONETAS RURALES DE BAJO RIESGO DE HASTA 8 ASIENTOS</t>
  </si>
  <si>
    <t>BAJO RIESGO 1: AUTOMÓVILES, CAMIONETAS STATION WAGON O CAMIONETAS RURALES DE BAJO RIESGO DE HASTA 8 ASIENTOS</t>
  </si>
  <si>
    <t>ALTO RIESGO: AUTOMÓVILES, CAMIONETAS STATION WAGON O CAMIONETAS RURALES DE MEDIANO RIESGO</t>
  </si>
  <si>
    <t>CHINOS E INDIOS: AUTOMÓVILES,CAMIONETAS STATION WAGON O  CAMIONETAS RURALES DE HASTA 8 ASIENTOS DE PROCEDENCIA CHINA O INDIA</t>
  </si>
  <si>
    <t>TIMÓN CAMBIADO: AUTOMÓVILES, CAMIONETAS RURALES O CAMIONETAS STATION WAGON DE HASTA 8 ASIENTOS DE TIMÓN CAMBIADO</t>
  </si>
  <si>
    <t xml:space="preserve">PICK UP: CAMIONETAS PICK UP DE USO COMERCIAL </t>
  </si>
  <si>
    <t>PÉRDIDA PARCIAL O TOTAL POR VOLCADURA , DESPISTE Y DESBARRANCAMIENTO: 25% DEL MONTO DEL SINIESTRO, MÍNIMO $ 500.00</t>
  </si>
  <si>
    <t>ROTURA DE LUNAS, SOLO PARA REPOSICIÓN DE LUNAS NACIONALES ,EXCEPTO PARA UNIDADES DE PROCEDENCIA CHINA O HINDU: SIN DEDUCIBLE</t>
  </si>
  <si>
    <t>BAJO RIESGO 1</t>
  </si>
  <si>
    <t>Autos y camionetas station wagon y rurales timón original (TO) de hasta 8 asientos con valor comercial menor a US$ 80,000 según relación de marcas y modelos de BAJO RIESGO 1</t>
  </si>
  <si>
    <t>Autos y camionetas station wagon y rurales timón original (TO) de hasta 8 asientos con valor comercial menor a US$ 80,000 según relación de marcas y modelos de BAJO RIESGO 2</t>
  </si>
  <si>
    <t>BAJO RIESGO 2</t>
  </si>
  <si>
    <t>MEDIANO RIESGO</t>
  </si>
  <si>
    <t>ALTO RIESGO</t>
  </si>
  <si>
    <t>CHINOS E INDIOS</t>
  </si>
  <si>
    <t>TIMÓN CAMBIADO</t>
  </si>
  <si>
    <t>VERSIÓN AMERICANA</t>
  </si>
  <si>
    <t>Suma Asegurada entre $80,000 y $120,000</t>
  </si>
  <si>
    <t>Suma Asegurada menor $80,000</t>
  </si>
  <si>
    <t>DAÑO PROPIO</t>
  </si>
  <si>
    <t>&gt; DAÑO PROPIO</t>
  </si>
  <si>
    <t>TALLERES AFILIADOS: 20% DEL MONTO DEL SINIESTRO, MINIMO $ 500.00</t>
  </si>
  <si>
    <t>TALLERES NO AFILIADOS: 25% DEL MONTO DEL SINIESTRO, MÍNIMO $ 750.00</t>
  </si>
  <si>
    <t>10% DEL MONTO DEL SINIESTRO, MINIMO $ 150.00</t>
  </si>
  <si>
    <t xml:space="preserve"> 15% DEL MONTO DEL SINIESTRO, MINIMO $ 200.00</t>
  </si>
  <si>
    <t>20% DEL MONTO DEL SINIESTRO, MINIMO $ 200.00</t>
  </si>
  <si>
    <t>25% DEL MONTO DEL SINIESTRO, MINIMO $ 350.00</t>
  </si>
  <si>
    <t>15% DEL MONTO DEL SINIESTRO, MINIMO $ 150.00</t>
  </si>
  <si>
    <t>25% DEL MONTO DEL SINIESTRO, MINIMO $ 250.00</t>
  </si>
  <si>
    <t>25% DEL MONTO DEL SINIESTRO, MINIMO $ 300.00</t>
  </si>
  <si>
    <t>25% DEL MONTO DEL SINIESTRO, MINIMO $ 1000.00</t>
  </si>
  <si>
    <t>Por la presente Condición Especial se limitan y/o amplían las coberturas y/o beneficios establecidos en las Condiciones Generales de la Póliza pactándose de común acuerdo que, la presente Póliza de Seguro  solamente otorgará las coberturas señaladas en sus Condiciones Particulares, no obstante ello, quedarán vigentes los demás términos y condiciones establecidos en las Condiciones Generales de la Póliza de Seguro de Automóviles, en todo aquello que no se oponga a lo establecido en dichas Condiciones Particulares.</t>
  </si>
  <si>
    <t>3 VECES POR VIGENCIA
Servicio adicional US$ 25 (Inc. IGV)</t>
  </si>
  <si>
    <t>CONDICIÓN DE GPS</t>
  </si>
  <si>
    <t>Categoría de Riesgo (año de fabricación)</t>
  </si>
  <si>
    <t>Marca / Modelo</t>
  </si>
  <si>
    <t>Región Lima</t>
  </si>
  <si>
    <t>Región Norte y Centro</t>
  </si>
  <si>
    <t>Región Sur</t>
  </si>
  <si>
    <t>Unidades con valor comercial mayor o igual a $50,000</t>
  </si>
  <si>
    <t>Si</t>
  </si>
  <si>
    <t>No</t>
  </si>
  <si>
    <t>Kia Picanto</t>
  </si>
  <si>
    <t>Chevrolet N300</t>
  </si>
  <si>
    <t>Honda CRV</t>
  </si>
  <si>
    <t>Hyundai Accent</t>
  </si>
  <si>
    <t>Hyundai Santa Fe</t>
  </si>
  <si>
    <t>Hyundai Tucson</t>
  </si>
  <si>
    <t xml:space="preserve">Kia Cerato </t>
  </si>
  <si>
    <t xml:space="preserve">Kia Rio </t>
  </si>
  <si>
    <t>Kia Sportage</t>
  </si>
  <si>
    <t>Mazda 3</t>
  </si>
  <si>
    <t>Mitsubishi L200</t>
  </si>
  <si>
    <t>Nissan Frontier</t>
  </si>
  <si>
    <t xml:space="preserve">Nissan Navara </t>
  </si>
  <si>
    <t>Nissan Tiida</t>
  </si>
  <si>
    <t>Suzuki Grand Nomade</t>
  </si>
  <si>
    <t>Toyota Land Cruiser</t>
  </si>
  <si>
    <t>Toyota Land Cruiser Prado</t>
  </si>
  <si>
    <t>Toyota Rav4</t>
  </si>
  <si>
    <t>Toyota Corolla</t>
  </si>
  <si>
    <t>Volkswagen Bora</t>
  </si>
  <si>
    <t xml:space="preserve">Volkswagen Gol </t>
  </si>
  <si>
    <t>Hyundai Elantra</t>
  </si>
  <si>
    <t>Hyundai H-1</t>
  </si>
  <si>
    <t>Nissan Sentra</t>
  </si>
  <si>
    <t>Toyota Hilux</t>
  </si>
  <si>
    <t>Toyota Hi-Ace</t>
  </si>
  <si>
    <t>Toyota Yaris</t>
  </si>
  <si>
    <t>POLITICA RASTREO VEHÍCULAR</t>
  </si>
  <si>
    <t>L8: CAMIONETAS RURALES CON MAS DE 8 ASIENTOS (USO PERSONAL O ESCOLAR)</t>
  </si>
  <si>
    <t>LAS PRESENTES CONDICIONES NO SON VÁLIDAS PARA UNIDADES DE ALQUILER O RENTING. LA COBERTURA ESTA LIMITADA AL USO DE TRASLADO DE PERSONAL O ESCOLAR.</t>
  </si>
  <si>
    <t xml:space="preserve">Transporte escolar o personal </t>
  </si>
  <si>
    <t>Transporte escolar o personal</t>
  </si>
  <si>
    <t>Nissan NP300</t>
  </si>
  <si>
    <t>TALLERES PREFERENTES: 15% DEL MONTO DEL SINIESTRO, MINIMO $ 750.00</t>
  </si>
  <si>
    <t>TALLERES AFILIADOS: 20% DEL MONTO DEL SINIESTRO, MINIMO $ 1000.00</t>
  </si>
  <si>
    <t>TALLERES NO AFILIADOS: 25% DEL MONTO DEL SINIESTRO, MÍNIMO $ 1500.00</t>
  </si>
  <si>
    <t>ROBO Y PERDIDA TOTAL: 30% DEL MONTO INDEMNIZABLE</t>
  </si>
  <si>
    <t>*Aplica radio de acción según se indica en la página web: www.pacifico.com.pe</t>
  </si>
  <si>
    <t>Renault Duster</t>
  </si>
  <si>
    <t>Subaru Impreza</t>
  </si>
  <si>
    <t>Todas las categorías de riesgo (sin importar la antigüedad)</t>
  </si>
  <si>
    <t>Hasta 1 año de antigüedad (es decir unidades de 0 y 1 años de antigüedad, siendo el año 0 el año actual)</t>
  </si>
  <si>
    <t>SI</t>
  </si>
  <si>
    <t>Hasta 2 años de antigüedad (es decir unidades de 0, 1 y 2 años de antigüedad, siendo el año 0 el año actual)</t>
  </si>
  <si>
    <t>Toyota Avanza</t>
  </si>
  <si>
    <t>Hasta 3 años de antigüedad (es decir unidades de 0, 1, 2 y 3 años de antigüedad, siendo el año 0 el año actual)</t>
  </si>
  <si>
    <t>Hasta 5 años de antigüedad (es decir unidades de 0, 1,2 ,3 ,4 y 5 año de antigüedad, siendo el año 0 el año actua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64" formatCode="_ * #,##0.00_ ;_ * \-#,##0.00_ ;_ * &quot;-&quot;??_ ;_ @_ "/>
    <numFmt numFmtId="165" formatCode="dd/mm/yyyy;@"/>
    <numFmt numFmtId="166" formatCode="[$$-2C0A]\ #,##0.00"/>
    <numFmt numFmtId="167" formatCode="[$$-2C0A]\ #,##0"/>
    <numFmt numFmtId="168" formatCode="[$$-409]#,##0"/>
    <numFmt numFmtId="169" formatCode="0.0%"/>
    <numFmt numFmtId="170" formatCode="0.000"/>
  </numFmts>
  <fonts count="52" x14ac:knownFonts="1">
    <font>
      <sz val="11"/>
      <color indexed="8"/>
      <name val="Calibri"/>
      <family val="2"/>
    </font>
    <font>
      <sz val="11"/>
      <color indexed="8"/>
      <name val="Calibri"/>
      <family val="2"/>
    </font>
    <font>
      <sz val="11"/>
      <color indexed="9"/>
      <name val="Calibri"/>
      <family val="2"/>
    </font>
    <font>
      <sz val="11"/>
      <color indexed="17"/>
      <name val="Calibri"/>
      <family val="2"/>
    </font>
    <font>
      <b/>
      <sz val="11"/>
      <color indexed="52"/>
      <name val="Calibri"/>
      <family val="2"/>
    </font>
    <font>
      <b/>
      <sz val="11"/>
      <color indexed="9"/>
      <name val="Calibri"/>
      <family val="2"/>
    </font>
    <font>
      <sz val="11"/>
      <color indexed="52"/>
      <name val="Calibri"/>
      <family val="2"/>
    </font>
    <font>
      <b/>
      <sz val="11"/>
      <color indexed="56"/>
      <name val="Calibri"/>
      <family val="2"/>
    </font>
    <font>
      <sz val="11"/>
      <color indexed="62"/>
      <name val="Calibri"/>
      <family val="2"/>
    </font>
    <font>
      <sz val="11"/>
      <color indexed="20"/>
      <name val="Calibri"/>
      <family val="2"/>
    </font>
    <font>
      <sz val="11"/>
      <color indexed="60"/>
      <name val="Calibri"/>
      <family val="2"/>
    </font>
    <font>
      <b/>
      <sz val="11"/>
      <color indexed="63"/>
      <name val="Calibri"/>
      <family val="2"/>
    </font>
    <font>
      <sz val="11"/>
      <color indexed="10"/>
      <name val="Calibri"/>
      <family val="2"/>
    </font>
    <font>
      <i/>
      <sz val="11"/>
      <color indexed="23"/>
      <name val="Calibri"/>
      <family val="2"/>
    </font>
    <font>
      <b/>
      <sz val="18"/>
      <color indexed="56"/>
      <name val="Cambria"/>
      <family val="2"/>
    </font>
    <font>
      <b/>
      <sz val="15"/>
      <color indexed="56"/>
      <name val="Calibri"/>
      <family val="2"/>
    </font>
    <font>
      <b/>
      <sz val="13"/>
      <color indexed="56"/>
      <name val="Calibri"/>
      <family val="2"/>
    </font>
    <font>
      <b/>
      <sz val="11"/>
      <color indexed="8"/>
      <name val="Calibri"/>
      <family val="2"/>
    </font>
    <font>
      <sz val="9"/>
      <color indexed="8"/>
      <name val="Arial"/>
      <family val="2"/>
    </font>
    <font>
      <b/>
      <sz val="10"/>
      <name val="Arial"/>
      <family val="2"/>
    </font>
    <font>
      <b/>
      <sz val="10"/>
      <name val="Arial"/>
      <family val="2"/>
    </font>
    <font>
      <sz val="8"/>
      <name val="Calibri"/>
      <family val="2"/>
    </font>
    <font>
      <sz val="10"/>
      <name val="Arial"/>
      <family val="2"/>
    </font>
    <font>
      <sz val="9"/>
      <color indexed="8"/>
      <name val="Calibri"/>
      <family val="2"/>
    </font>
    <font>
      <b/>
      <sz val="9"/>
      <color indexed="8"/>
      <name val="Calibri"/>
      <family val="2"/>
    </font>
    <font>
      <sz val="11"/>
      <color theme="1"/>
      <name val="Calibri"/>
      <family val="2"/>
      <scheme val="minor"/>
    </font>
    <font>
      <sz val="11"/>
      <color theme="0"/>
      <name val="Calibri"/>
      <family val="2"/>
      <scheme val="minor"/>
    </font>
    <font>
      <b/>
      <sz val="10"/>
      <color indexed="8"/>
      <name val="Calibri"/>
      <family val="2"/>
      <scheme val="minor"/>
    </font>
    <font>
      <sz val="10"/>
      <color indexed="8"/>
      <name val="Calibri"/>
      <family val="2"/>
      <scheme val="minor"/>
    </font>
    <font>
      <b/>
      <sz val="10"/>
      <name val="Calibri"/>
      <family val="2"/>
      <scheme val="minor"/>
    </font>
    <font>
      <sz val="10"/>
      <name val="Calibri"/>
      <family val="2"/>
      <scheme val="minor"/>
    </font>
    <font>
      <sz val="9"/>
      <color indexed="8"/>
      <name val="Calibri"/>
      <family val="2"/>
      <scheme val="minor"/>
    </font>
    <font>
      <b/>
      <sz val="9"/>
      <color indexed="8"/>
      <name val="Calibri"/>
      <family val="2"/>
      <scheme val="minor"/>
    </font>
    <font>
      <sz val="11"/>
      <color indexed="8"/>
      <name val="Calibri"/>
      <family val="2"/>
      <scheme val="minor"/>
    </font>
    <font>
      <sz val="8"/>
      <color rgb="FF000000"/>
      <name val="Calibri"/>
      <family val="2"/>
      <scheme val="minor"/>
    </font>
    <font>
      <sz val="9"/>
      <name val="Calibri"/>
      <family val="2"/>
      <scheme val="minor"/>
    </font>
    <font>
      <sz val="9"/>
      <color rgb="FFFF0000"/>
      <name val="Calibri"/>
      <family val="2"/>
      <scheme val="minor"/>
    </font>
    <font>
      <b/>
      <sz val="9"/>
      <name val="Calibri"/>
      <family val="2"/>
      <scheme val="minor"/>
    </font>
    <font>
      <b/>
      <sz val="9"/>
      <color theme="1"/>
      <name val="Calibri"/>
      <family val="2"/>
      <scheme val="minor"/>
    </font>
    <font>
      <sz val="9"/>
      <color theme="1"/>
      <name val="Calibri"/>
      <family val="2"/>
      <scheme val="minor"/>
    </font>
    <font>
      <sz val="8"/>
      <color indexed="8"/>
      <name val="Calibri"/>
      <family val="2"/>
      <scheme val="minor"/>
    </font>
    <font>
      <b/>
      <u/>
      <sz val="9"/>
      <name val="Calibri"/>
      <family val="2"/>
      <scheme val="minor"/>
    </font>
    <font>
      <b/>
      <sz val="10"/>
      <color theme="0"/>
      <name val="Calibri"/>
      <family val="2"/>
      <scheme val="minor"/>
    </font>
    <font>
      <b/>
      <sz val="10"/>
      <color indexed="9"/>
      <name val="Calibri"/>
      <family val="2"/>
      <scheme val="minor"/>
    </font>
    <font>
      <b/>
      <sz val="9"/>
      <color indexed="9"/>
      <name val="Calibri"/>
      <family val="2"/>
      <scheme val="minor"/>
    </font>
    <font>
      <b/>
      <sz val="11"/>
      <color indexed="8"/>
      <name val="Calibri"/>
      <family val="2"/>
      <scheme val="minor"/>
    </font>
    <font>
      <sz val="9"/>
      <color rgb="FF000000"/>
      <name val="Arial"/>
      <family val="2"/>
    </font>
    <font>
      <u/>
      <sz val="11"/>
      <color theme="10"/>
      <name val="Calibri"/>
      <family val="2"/>
    </font>
    <font>
      <u/>
      <sz val="11"/>
      <color theme="11"/>
      <name val="Calibri"/>
      <family val="2"/>
    </font>
    <font>
      <sz val="11"/>
      <name val="Calibri"/>
      <family val="2"/>
      <scheme val="minor"/>
    </font>
    <font>
      <sz val="10"/>
      <color theme="1"/>
      <name val="Calibri"/>
      <family val="2"/>
      <scheme val="minor"/>
    </font>
    <font>
      <b/>
      <sz val="9"/>
      <color rgb="FFFFFFFF"/>
      <name val="Arial"/>
      <family val="2"/>
    </font>
  </fonts>
  <fills count="28">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patternFill>
    </fill>
    <fill>
      <patternFill patternType="solid">
        <fgColor indexed="55"/>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theme="4"/>
      </patternFill>
    </fill>
    <fill>
      <patternFill patternType="solid">
        <fgColor rgb="FF00B0F0"/>
        <bgColor indexed="64"/>
      </patternFill>
    </fill>
    <fill>
      <patternFill patternType="solid">
        <fgColor rgb="FFFFFFFF"/>
        <bgColor indexed="64"/>
      </patternFill>
    </fill>
  </fills>
  <borders count="29">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auto="1"/>
      </left>
      <right style="thin">
        <color auto="1"/>
      </right>
      <top style="thin">
        <color auto="1"/>
      </top>
      <bottom style="thin">
        <color auto="1"/>
      </bottom>
      <diagonal/>
    </border>
    <border>
      <left style="thin">
        <color auto="1"/>
      </left>
      <right/>
      <top/>
      <bottom style="thin">
        <color auto="1"/>
      </bottom>
      <diagonal/>
    </border>
    <border>
      <left style="thin">
        <color auto="1"/>
      </left>
      <right style="thin">
        <color auto="1"/>
      </right>
      <top/>
      <bottom style="thin">
        <color auto="1"/>
      </bottom>
      <diagonal/>
    </border>
    <border>
      <left style="thin">
        <color auto="1"/>
      </left>
      <right/>
      <top style="thin">
        <color auto="1"/>
      </top>
      <bottom style="thin">
        <color auto="1"/>
      </bottom>
      <diagonal/>
    </border>
    <border>
      <left/>
      <right/>
      <top/>
      <bottom style="dotted">
        <color auto="1"/>
      </bottom>
      <diagonal/>
    </border>
    <border>
      <left/>
      <right/>
      <top style="dotted">
        <color auto="1"/>
      </top>
      <bottom style="dotted">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style="medium">
        <color indexed="64"/>
      </bottom>
      <diagonal/>
    </border>
    <border>
      <left/>
      <right style="thin">
        <color indexed="64"/>
      </right>
      <top style="thin">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right/>
      <top/>
      <bottom style="medium">
        <color indexed="64"/>
      </bottom>
      <diagonal/>
    </border>
    <border>
      <left style="medium">
        <color indexed="64"/>
      </left>
      <right style="medium">
        <color indexed="64"/>
      </right>
      <top style="medium">
        <color indexed="64"/>
      </top>
      <bottom/>
      <diagonal/>
    </border>
  </borders>
  <cellStyleXfs count="93">
    <xf numFmtId="0" fontId="0" fillId="0" borderId="0"/>
    <xf numFmtId="0" fontId="1" fillId="2" borderId="0" applyNumberFormat="0" applyBorder="0" applyAlignment="0" applyProtection="0"/>
    <xf numFmtId="0" fontId="1" fillId="3" borderId="0" applyNumberFormat="0" applyBorder="0" applyAlignment="0" applyProtection="0"/>
    <xf numFmtId="0" fontId="1" fillId="4" borderId="0" applyNumberFormat="0" applyBorder="0" applyAlignment="0" applyProtection="0"/>
    <xf numFmtId="0" fontId="1" fillId="5" borderId="0" applyNumberFormat="0" applyBorder="0" applyAlignment="0" applyProtection="0"/>
    <xf numFmtId="0" fontId="1" fillId="6" borderId="0" applyNumberFormat="0" applyBorder="0" applyAlignment="0" applyProtection="0"/>
    <xf numFmtId="0" fontId="1" fillId="7" borderId="0" applyNumberFormat="0" applyBorder="0" applyAlignment="0" applyProtection="0"/>
    <xf numFmtId="0" fontId="1" fillId="8" borderId="0" applyNumberFormat="0" applyBorder="0" applyAlignment="0" applyProtection="0"/>
    <xf numFmtId="0" fontId="1" fillId="9" borderId="0" applyNumberFormat="0" applyBorder="0" applyAlignment="0" applyProtection="0"/>
    <xf numFmtId="0" fontId="1" fillId="10" borderId="0" applyNumberFormat="0" applyBorder="0" applyAlignment="0" applyProtection="0"/>
    <xf numFmtId="0" fontId="1" fillId="5" borderId="0" applyNumberFormat="0" applyBorder="0" applyAlignment="0" applyProtection="0"/>
    <xf numFmtId="0" fontId="1" fillId="8" borderId="0" applyNumberFormat="0" applyBorder="0" applyAlignment="0" applyProtection="0"/>
    <xf numFmtId="0" fontId="1" fillId="11" borderId="0" applyNumberFormat="0" applyBorder="0" applyAlignment="0" applyProtection="0"/>
    <xf numFmtId="0" fontId="2" fillId="12" borderId="0" applyNumberFormat="0" applyBorder="0" applyAlignment="0" applyProtection="0"/>
    <xf numFmtId="0" fontId="2" fillId="9" borderId="0" applyNumberFormat="0" applyBorder="0" applyAlignment="0" applyProtection="0"/>
    <xf numFmtId="0" fontId="2" fillId="10" borderId="0" applyNumberFormat="0" applyBorder="0" applyAlignment="0" applyProtection="0"/>
    <xf numFmtId="0" fontId="2" fillId="13" borderId="0" applyNumberFormat="0" applyBorder="0" applyAlignment="0" applyProtection="0"/>
    <xf numFmtId="0" fontId="2" fillId="14" borderId="0" applyNumberFormat="0" applyBorder="0" applyAlignment="0" applyProtection="0"/>
    <xf numFmtId="0" fontId="2" fillId="15" borderId="0" applyNumberFormat="0" applyBorder="0" applyAlignment="0" applyProtection="0"/>
    <xf numFmtId="0" fontId="3" fillId="4" borderId="0" applyNumberFormat="0" applyBorder="0" applyAlignment="0" applyProtection="0"/>
    <xf numFmtId="0" fontId="4" fillId="16" borderId="1" applyNumberFormat="0" applyAlignment="0" applyProtection="0"/>
    <xf numFmtId="0" fontId="5" fillId="17" borderId="2" applyNumberFormat="0" applyAlignment="0" applyProtection="0"/>
    <xf numFmtId="0" fontId="6" fillId="0" borderId="3" applyNumberFormat="0" applyFill="0" applyAlignment="0" applyProtection="0"/>
    <xf numFmtId="0" fontId="7" fillId="0" borderId="0" applyNumberFormat="0" applyFill="0" applyBorder="0" applyAlignment="0" applyProtection="0"/>
    <xf numFmtId="0" fontId="2" fillId="18" borderId="0" applyNumberFormat="0" applyBorder="0" applyAlignment="0" applyProtection="0"/>
    <xf numFmtId="0" fontId="26" fillId="25" borderId="0" applyNumberFormat="0" applyBorder="0" applyAlignment="0" applyProtection="0"/>
    <xf numFmtId="0" fontId="2" fillId="19" borderId="0" applyNumberFormat="0" applyBorder="0" applyAlignment="0" applyProtection="0"/>
    <xf numFmtId="0" fontId="2" fillId="20" borderId="0" applyNumberFormat="0" applyBorder="0" applyAlignment="0" applyProtection="0"/>
    <xf numFmtId="0" fontId="2" fillId="13" borderId="0" applyNumberFormat="0" applyBorder="0" applyAlignment="0" applyProtection="0"/>
    <xf numFmtId="0" fontId="2" fillId="14" borderId="0" applyNumberFormat="0" applyBorder="0" applyAlignment="0" applyProtection="0"/>
    <xf numFmtId="0" fontId="2" fillId="21" borderId="0" applyNumberFormat="0" applyBorder="0" applyAlignment="0" applyProtection="0"/>
    <xf numFmtId="0" fontId="8" fillId="7" borderId="1" applyNumberFormat="0" applyAlignment="0" applyProtection="0"/>
    <xf numFmtId="0" fontId="9" fillId="3" borderId="0" applyNumberFormat="0" applyBorder="0" applyAlignment="0" applyProtection="0"/>
    <xf numFmtId="164" fontId="1" fillId="0" borderId="0" applyFont="0" applyFill="0" applyBorder="0" applyAlignment="0" applyProtection="0"/>
    <xf numFmtId="0" fontId="10" fillId="22" borderId="0" applyNumberFormat="0" applyBorder="0" applyAlignment="0" applyProtection="0"/>
    <xf numFmtId="0" fontId="25" fillId="0" borderId="0"/>
    <xf numFmtId="0" fontId="22" fillId="0" borderId="0"/>
    <xf numFmtId="0" fontId="1" fillId="23" borderId="4" applyNumberFormat="0" applyFont="0" applyAlignment="0" applyProtection="0"/>
    <xf numFmtId="9" fontId="1" fillId="0" borderId="0" applyFont="0" applyFill="0" applyBorder="0" applyAlignment="0" applyProtection="0"/>
    <xf numFmtId="9" fontId="25" fillId="0" borderId="0" applyFont="0" applyFill="0" applyBorder="0" applyAlignment="0" applyProtection="0"/>
    <xf numFmtId="0" fontId="22" fillId="0" borderId="0"/>
    <xf numFmtId="0" fontId="11" fillId="16" borderId="5" applyNumberFormat="0" applyAlignment="0" applyProtection="0"/>
    <xf numFmtId="0" fontId="12" fillId="0" borderId="0" applyNumberFormat="0" applyFill="0" applyBorder="0" applyAlignment="0" applyProtection="0"/>
    <xf numFmtId="0" fontId="13" fillId="0" borderId="0" applyNumberFormat="0" applyFill="0" applyBorder="0" applyAlignment="0" applyProtection="0"/>
    <xf numFmtId="0" fontId="14" fillId="0" borderId="0" applyNumberFormat="0" applyFill="0" applyBorder="0" applyAlignment="0" applyProtection="0"/>
    <xf numFmtId="0" fontId="15" fillId="0" borderId="6" applyNumberFormat="0" applyFill="0" applyAlignment="0" applyProtection="0"/>
    <xf numFmtId="0" fontId="16" fillId="0" borderId="7" applyNumberFormat="0" applyFill="0" applyAlignment="0" applyProtection="0"/>
    <xf numFmtId="0" fontId="7" fillId="0" borderId="8" applyNumberFormat="0" applyFill="0" applyAlignment="0" applyProtection="0"/>
    <xf numFmtId="0" fontId="17" fillId="0" borderId="9" applyNumberFormat="0" applyFill="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cellStyleXfs>
  <cellXfs count="186">
    <xf numFmtId="0" fontId="0" fillId="0" borderId="0" xfId="0"/>
    <xf numFmtId="0" fontId="18" fillId="0" borderId="0" xfId="0" applyFont="1" applyAlignment="1">
      <alignment horizontal="center"/>
    </xf>
    <xf numFmtId="0" fontId="19" fillId="0" borderId="10" xfId="0" applyFont="1" applyFill="1" applyBorder="1" applyAlignment="1">
      <alignment horizontal="center"/>
    </xf>
    <xf numFmtId="0" fontId="20" fillId="0" borderId="10" xfId="0" applyFont="1" applyBorder="1" applyAlignment="1">
      <alignment horizontal="center"/>
    </xf>
    <xf numFmtId="0" fontId="0" fillId="0" borderId="10" xfId="0" applyBorder="1" applyAlignment="1">
      <alignment horizontal="center"/>
    </xf>
    <xf numFmtId="10" fontId="0" fillId="0" borderId="10" xfId="0" applyNumberFormat="1" applyBorder="1" applyAlignment="1">
      <alignment horizontal="center"/>
    </xf>
    <xf numFmtId="0" fontId="0" fillId="0" borderId="0" xfId="0" applyAlignment="1">
      <alignment horizontal="center"/>
    </xf>
    <xf numFmtId="0" fontId="27" fillId="0" borderId="0" xfId="0" applyFont="1" applyAlignment="1">
      <alignment horizontal="center"/>
    </xf>
    <xf numFmtId="0" fontId="27" fillId="0" borderId="0" xfId="0" applyFont="1" applyBorder="1" applyAlignment="1">
      <alignment horizontal="center" vertical="center" wrapText="1"/>
    </xf>
    <xf numFmtId="0" fontId="28" fillId="0" borderId="0" xfId="0" applyFont="1"/>
    <xf numFmtId="0" fontId="27" fillId="0" borderId="0" xfId="0" applyFont="1" applyAlignment="1"/>
    <xf numFmtId="0" fontId="27" fillId="0" borderId="0" xfId="0" applyFont="1" applyBorder="1"/>
    <xf numFmtId="0" fontId="29" fillId="0" borderId="0" xfId="0" applyFont="1" applyFill="1" applyBorder="1" applyAlignment="1">
      <alignment horizontal="center" vertical="center" textRotation="90"/>
    </xf>
    <xf numFmtId="0" fontId="30" fillId="0" borderId="0" xfId="0" applyFont="1" applyBorder="1" applyAlignment="1">
      <alignment horizontal="center" vertical="center" wrapText="1"/>
    </xf>
    <xf numFmtId="0" fontId="30" fillId="0" borderId="0" xfId="0" applyFont="1" applyFill="1" applyBorder="1" applyAlignment="1">
      <alignment vertical="center" wrapText="1"/>
    </xf>
    <xf numFmtId="0" fontId="28" fillId="0" borderId="0" xfId="0" applyFont="1" applyFill="1" applyBorder="1" applyAlignment="1">
      <alignment horizontal="center"/>
    </xf>
    <xf numFmtId="0" fontId="28" fillId="0" borderId="0" xfId="0" applyFont="1" applyFill="1"/>
    <xf numFmtId="0" fontId="29" fillId="0" borderId="11" xfId="0" applyFont="1" applyFill="1" applyBorder="1" applyAlignment="1">
      <alignment horizontal="center" vertical="center" textRotation="90"/>
    </xf>
    <xf numFmtId="0" fontId="30" fillId="0" borderId="12" xfId="0" applyFont="1" applyBorder="1" applyAlignment="1">
      <alignment horizontal="center" vertical="center" wrapText="1"/>
    </xf>
    <xf numFmtId="0" fontId="30" fillId="0" borderId="12" xfId="0" applyFont="1" applyFill="1" applyBorder="1" applyAlignment="1">
      <alignment vertical="center" wrapText="1"/>
    </xf>
    <xf numFmtId="0" fontId="30" fillId="24" borderId="10" xfId="0" applyFont="1" applyFill="1" applyBorder="1" applyAlignment="1">
      <alignment horizontal="center" vertical="center"/>
    </xf>
    <xf numFmtId="0" fontId="30" fillId="0" borderId="10" xfId="0" applyFont="1" applyFill="1" applyBorder="1" applyAlignment="1">
      <alignment vertical="center" wrapText="1"/>
    </xf>
    <xf numFmtId="0" fontId="29" fillId="0" borderId="13" xfId="0" applyFont="1" applyFill="1" applyBorder="1" applyAlignment="1">
      <alignment horizontal="center" vertical="center" textRotation="90"/>
    </xf>
    <xf numFmtId="0" fontId="30" fillId="0" borderId="10" xfId="0" applyFont="1" applyBorder="1" applyAlignment="1">
      <alignment horizontal="center" vertical="center" wrapText="1"/>
    </xf>
    <xf numFmtId="0" fontId="28" fillId="0" borderId="0" xfId="0" applyFont="1" applyAlignment="1">
      <alignment horizontal="center"/>
    </xf>
    <xf numFmtId="0" fontId="28" fillId="0" borderId="0" xfId="0" applyFont="1" applyAlignment="1"/>
    <xf numFmtId="0" fontId="31" fillId="0" borderId="0" xfId="0" applyFont="1" applyAlignment="1">
      <alignment horizontal="center"/>
    </xf>
    <xf numFmtId="0" fontId="32" fillId="0" borderId="0" xfId="0" applyFont="1" applyAlignment="1">
      <alignment horizontal="center"/>
    </xf>
    <xf numFmtId="0" fontId="31" fillId="0" borderId="0" xfId="0" applyFont="1"/>
    <xf numFmtId="0" fontId="33" fillId="0" borderId="0" xfId="0" applyFont="1"/>
    <xf numFmtId="0" fontId="31" fillId="0" borderId="0" xfId="0" applyFont="1" applyAlignment="1">
      <alignment horizontal="left" vertical="center"/>
    </xf>
    <xf numFmtId="0" fontId="32" fillId="0" borderId="0" xfId="0" applyFont="1" applyAlignment="1">
      <alignment horizontal="center" vertical="center"/>
    </xf>
    <xf numFmtId="0" fontId="31" fillId="0" borderId="0" xfId="0" applyFont="1" applyAlignment="1">
      <alignment vertical="center"/>
    </xf>
    <xf numFmtId="0" fontId="31" fillId="0" borderId="14" xfId="0" applyFont="1" applyBorder="1" applyAlignment="1">
      <alignment horizontal="left" vertical="center"/>
    </xf>
    <xf numFmtId="0" fontId="31" fillId="0" borderId="14" xfId="0" applyFont="1" applyBorder="1" applyAlignment="1">
      <alignment horizontal="center" vertical="center"/>
    </xf>
    <xf numFmtId="0" fontId="31" fillId="0" borderId="15" xfId="0" applyFont="1" applyBorder="1" applyAlignment="1">
      <alignment horizontal="center" vertical="center"/>
    </xf>
    <xf numFmtId="0" fontId="31" fillId="0" borderId="0" xfId="0" applyFont="1" applyAlignment="1">
      <alignment horizontal="center" vertical="center"/>
    </xf>
    <xf numFmtId="165" fontId="32" fillId="0" borderId="0" xfId="0" applyNumberFormat="1" applyFont="1" applyAlignment="1">
      <alignment horizontal="left" vertical="center"/>
    </xf>
    <xf numFmtId="165" fontId="32" fillId="0" borderId="0" xfId="0" applyNumberFormat="1" applyFont="1" applyAlignment="1">
      <alignment horizontal="center" vertical="center"/>
    </xf>
    <xf numFmtId="0" fontId="31" fillId="0" borderId="0" xfId="0" applyFont="1" applyAlignment="1">
      <alignment horizontal="left"/>
    </xf>
    <xf numFmtId="167" fontId="31" fillId="0" borderId="0" xfId="0" applyNumberFormat="1" applyFont="1" applyAlignment="1">
      <alignment horizontal="center" vertical="center"/>
    </xf>
    <xf numFmtId="0" fontId="31" fillId="0" borderId="0" xfId="0" applyFont="1" applyAlignment="1">
      <alignment horizontal="center" vertical="top"/>
    </xf>
    <xf numFmtId="167" fontId="31" fillId="0" borderId="0" xfId="0" applyNumberFormat="1" applyFont="1" applyAlignment="1">
      <alignment horizontal="center" vertical="top"/>
    </xf>
    <xf numFmtId="0" fontId="31" fillId="0" borderId="0" xfId="0" applyFont="1" applyAlignment="1">
      <alignment horizontal="left" vertical="top"/>
    </xf>
    <xf numFmtId="0" fontId="31" fillId="0" borderId="0" xfId="0" applyFont="1" applyAlignment="1">
      <alignment horizontal="left" indent="2"/>
    </xf>
    <xf numFmtId="0" fontId="31" fillId="0" borderId="0" xfId="0" applyFont="1" applyAlignment="1">
      <alignment horizontal="left"/>
    </xf>
    <xf numFmtId="0" fontId="31" fillId="0" borderId="0" xfId="0" applyFont="1" applyAlignment="1">
      <alignment wrapText="1"/>
    </xf>
    <xf numFmtId="167" fontId="31" fillId="0" borderId="0" xfId="0" applyNumberFormat="1" applyFont="1" applyAlignment="1">
      <alignment horizontal="center"/>
    </xf>
    <xf numFmtId="166" fontId="31" fillId="0" borderId="0" xfId="0" applyNumberFormat="1" applyFont="1" applyAlignment="1">
      <alignment horizontal="center"/>
    </xf>
    <xf numFmtId="0" fontId="31" fillId="0" borderId="0" xfId="0" applyFont="1" applyFill="1"/>
    <xf numFmtId="0" fontId="31" fillId="0" borderId="0" xfId="0" applyFont="1" applyFill="1" applyAlignment="1">
      <alignment horizontal="center"/>
    </xf>
    <xf numFmtId="0" fontId="34" fillId="0" borderId="0" xfId="0" applyFont="1" applyAlignment="1">
      <alignment horizontal="center" vertical="center" wrapText="1"/>
    </xf>
    <xf numFmtId="0" fontId="31" fillId="0" borderId="0" xfId="0" applyFont="1" applyAlignment="1">
      <alignment horizontal="left" vertical="justify"/>
    </xf>
    <xf numFmtId="0" fontId="35" fillId="0" borderId="0" xfId="0" applyFont="1" applyFill="1"/>
    <xf numFmtId="0" fontId="36" fillId="0" borderId="0" xfId="0" applyFont="1" applyFill="1" applyAlignment="1">
      <alignment horizontal="left" vertical="top" wrapText="1"/>
    </xf>
    <xf numFmtId="0" fontId="37" fillId="0" borderId="0" xfId="24" applyFont="1" applyFill="1" applyAlignment="1">
      <alignment horizontal="center" vertical="center" wrapText="1"/>
    </xf>
    <xf numFmtId="0" fontId="37" fillId="0" borderId="0" xfId="24" applyFont="1" applyFill="1" applyAlignment="1">
      <alignment horizontal="left" vertical="center" wrapText="1"/>
    </xf>
    <xf numFmtId="0" fontId="37" fillId="0" borderId="0" xfId="24" applyFont="1" applyFill="1" applyAlignment="1">
      <alignment horizontal="left" vertical="center"/>
    </xf>
    <xf numFmtId="0" fontId="38" fillId="0" borderId="10" xfId="0" applyFont="1" applyFill="1" applyBorder="1" applyAlignment="1">
      <alignment horizontal="center" vertical="center" wrapText="1"/>
    </xf>
    <xf numFmtId="10" fontId="39" fillId="0" borderId="10" xfId="38" applyNumberFormat="1" applyFont="1" applyFill="1" applyBorder="1" applyAlignment="1">
      <alignment horizontal="center" vertical="center"/>
    </xf>
    <xf numFmtId="9" fontId="31" fillId="0" borderId="0" xfId="0" applyNumberFormat="1" applyFont="1" applyAlignment="1">
      <alignment horizontal="left"/>
    </xf>
    <xf numFmtId="10" fontId="31" fillId="0" borderId="0" xfId="38" applyNumberFormat="1" applyFont="1" applyAlignment="1">
      <alignment horizontal="center"/>
    </xf>
    <xf numFmtId="10" fontId="31" fillId="0" borderId="0" xfId="0" applyNumberFormat="1" applyFont="1" applyAlignment="1">
      <alignment horizontal="center"/>
    </xf>
    <xf numFmtId="0" fontId="35" fillId="0" borderId="0" xfId="0" applyFont="1" applyAlignment="1">
      <alignment horizontal="center"/>
    </xf>
    <xf numFmtId="0" fontId="31" fillId="0" borderId="0" xfId="0" applyFont="1" applyFill="1" applyAlignment="1">
      <alignment horizontal="left" vertical="top"/>
    </xf>
    <xf numFmtId="0" fontId="31" fillId="0" borderId="0" xfId="0" applyFont="1" applyFill="1" applyAlignment="1">
      <alignment horizontal="center" vertical="top"/>
    </xf>
    <xf numFmtId="166" fontId="31" fillId="0" borderId="0" xfId="0" applyNumberFormat="1" applyFont="1" applyFill="1" applyAlignment="1">
      <alignment horizontal="center" wrapText="1"/>
    </xf>
    <xf numFmtId="0" fontId="31" fillId="0" borderId="0" xfId="0" applyFont="1" applyFill="1" applyAlignment="1">
      <alignment horizontal="left" vertical="center"/>
    </xf>
    <xf numFmtId="0" fontId="40" fillId="0" borderId="0" xfId="0" applyFont="1" applyAlignment="1">
      <alignment horizontal="left"/>
    </xf>
    <xf numFmtId="0" fontId="35" fillId="0" borderId="0" xfId="0" applyFont="1" applyAlignment="1">
      <alignment horizontal="left"/>
    </xf>
    <xf numFmtId="0" fontId="35" fillId="0" borderId="0" xfId="0" applyFont="1"/>
    <xf numFmtId="0" fontId="35" fillId="0" borderId="0" xfId="0" applyFont="1" applyFill="1" applyAlignment="1">
      <alignment horizontal="left"/>
    </xf>
    <xf numFmtId="0" fontId="35" fillId="0" borderId="0" xfId="0" applyFont="1" applyFill="1" applyAlignment="1">
      <alignment horizontal="center"/>
    </xf>
    <xf numFmtId="0" fontId="31" fillId="0" borderId="0" xfId="0" applyFont="1" applyFill="1" applyAlignment="1">
      <alignment horizontal="center" vertical="center"/>
    </xf>
    <xf numFmtId="0" fontId="37" fillId="0" borderId="0" xfId="24" applyFont="1" applyFill="1" applyAlignment="1">
      <alignment horizontal="left" vertical="center" wrapText="1"/>
    </xf>
    <xf numFmtId="0" fontId="31" fillId="0" borderId="0" xfId="0" applyFont="1" applyAlignment="1">
      <alignment horizontal="left"/>
    </xf>
    <xf numFmtId="0" fontId="34" fillId="0" borderId="0" xfId="0" applyFont="1" applyAlignment="1">
      <alignment horizontal="center" vertical="center" wrapText="1"/>
    </xf>
    <xf numFmtId="0" fontId="38" fillId="0" borderId="10" xfId="0" applyFont="1" applyFill="1" applyBorder="1" applyAlignment="1">
      <alignment horizontal="center" vertical="center" wrapText="1"/>
    </xf>
    <xf numFmtId="0" fontId="35" fillId="0" borderId="0" xfId="0" applyFont="1" applyAlignment="1">
      <alignment horizontal="left" vertical="top" wrapText="1"/>
    </xf>
    <xf numFmtId="0" fontId="35" fillId="0" borderId="0" xfId="0" quotePrefix="1" applyFont="1"/>
    <xf numFmtId="0" fontId="35" fillId="0" borderId="0" xfId="0" applyFont="1" applyFill="1" applyAlignment="1">
      <alignment horizontal="left" vertical="top" wrapText="1"/>
    </xf>
    <xf numFmtId="0" fontId="35" fillId="0" borderId="0" xfId="0" quotePrefix="1" applyFont="1" applyFill="1"/>
    <xf numFmtId="0" fontId="41" fillId="0" borderId="0" xfId="0" applyFont="1" applyFill="1" applyAlignment="1">
      <alignment horizontal="left" vertical="top"/>
    </xf>
    <xf numFmtId="168" fontId="31" fillId="0" borderId="10" xfId="0" applyNumberFormat="1" applyFont="1" applyBorder="1" applyAlignment="1">
      <alignment horizontal="center"/>
    </xf>
    <xf numFmtId="0" fontId="31" fillId="0" borderId="0" xfId="0" applyFont="1" applyFill="1" applyAlignment="1">
      <alignment vertical="top" wrapText="1"/>
    </xf>
    <xf numFmtId="0" fontId="32" fillId="0" borderId="0" xfId="0" applyFont="1" applyFill="1"/>
    <xf numFmtId="0" fontId="35" fillId="0" borderId="0" xfId="0" applyFont="1" applyAlignment="1">
      <alignment horizontal="center" vertical="top"/>
    </xf>
    <xf numFmtId="0" fontId="30" fillId="0" borderId="10" xfId="0" applyFont="1" applyFill="1" applyBorder="1" applyAlignment="1">
      <alignment horizontal="center" vertical="center" wrapText="1"/>
    </xf>
    <xf numFmtId="0" fontId="42" fillId="26" borderId="10" xfId="0" applyFont="1" applyFill="1" applyBorder="1" applyAlignment="1">
      <alignment horizontal="center"/>
    </xf>
    <xf numFmtId="0" fontId="31" fillId="0" borderId="0" xfId="0" applyFont="1" applyAlignment="1">
      <alignment horizontal="left"/>
    </xf>
    <xf numFmtId="0" fontId="35" fillId="0" borderId="0" xfId="0" applyFont="1" applyAlignment="1">
      <alignment horizontal="left" vertical="top" wrapText="1"/>
    </xf>
    <xf numFmtId="0" fontId="31" fillId="0" borderId="0" xfId="0" applyFont="1" applyAlignment="1">
      <alignment horizontal="left"/>
    </xf>
    <xf numFmtId="169" fontId="31" fillId="0" borderId="0" xfId="0" applyNumberFormat="1" applyFont="1" applyAlignment="1">
      <alignment horizontal="center"/>
    </xf>
    <xf numFmtId="0" fontId="31" fillId="0" borderId="0" xfId="0" applyFont="1" applyAlignment="1">
      <alignment horizontal="left"/>
    </xf>
    <xf numFmtId="0" fontId="30" fillId="0" borderId="11" xfId="0" applyFont="1" applyBorder="1" applyAlignment="1">
      <alignment horizontal="center" vertical="center" wrapText="1"/>
    </xf>
    <xf numFmtId="9" fontId="31" fillId="0" borderId="0" xfId="0" applyNumberFormat="1" applyFont="1" applyAlignment="1">
      <alignment horizontal="center"/>
    </xf>
    <xf numFmtId="0" fontId="35" fillId="0" borderId="0" xfId="0" applyFont="1" applyFill="1" applyAlignment="1">
      <alignment horizontal="left" vertical="top" wrapText="1"/>
    </xf>
    <xf numFmtId="0" fontId="31" fillId="0" borderId="0" xfId="0" applyFont="1" applyAlignment="1">
      <alignment horizontal="left"/>
    </xf>
    <xf numFmtId="0" fontId="34" fillId="0" borderId="0" xfId="0" applyFont="1" applyAlignment="1">
      <alignment horizontal="center" vertical="center" wrapText="1"/>
    </xf>
    <xf numFmtId="9" fontId="31" fillId="0" borderId="0" xfId="0" applyNumberFormat="1" applyFont="1" applyBorder="1" applyAlignment="1">
      <alignment horizontal="left"/>
    </xf>
    <xf numFmtId="169" fontId="31" fillId="0" borderId="0" xfId="0" applyNumberFormat="1" applyFont="1" applyBorder="1" applyAlignment="1">
      <alignment horizontal="center"/>
    </xf>
    <xf numFmtId="0" fontId="38" fillId="0" borderId="0" xfId="0" applyFont="1" applyFill="1" applyBorder="1" applyAlignment="1">
      <alignment horizontal="center" vertical="center"/>
    </xf>
    <xf numFmtId="10" fontId="31" fillId="0" borderId="0" xfId="38" applyNumberFormat="1" applyFont="1" applyBorder="1" applyAlignment="1">
      <alignment horizontal="center"/>
    </xf>
    <xf numFmtId="170" fontId="31" fillId="0" borderId="0" xfId="0" applyNumberFormat="1" applyFont="1" applyAlignment="1">
      <alignment horizontal="center"/>
    </xf>
    <xf numFmtId="10" fontId="31" fillId="0" borderId="0" xfId="38" applyNumberFormat="1" applyFont="1" applyAlignment="1">
      <alignment horizontal="left"/>
    </xf>
    <xf numFmtId="2" fontId="31" fillId="0" borderId="0" xfId="38" applyNumberFormat="1" applyFont="1" applyAlignment="1">
      <alignment horizontal="center"/>
    </xf>
    <xf numFmtId="0" fontId="31" fillId="0" borderId="0" xfId="0" applyFont="1" applyAlignment="1">
      <alignment horizontal="left"/>
    </xf>
    <xf numFmtId="0" fontId="35" fillId="0" borderId="0" xfId="0" applyFont="1" applyFill="1" applyAlignment="1">
      <alignment horizontal="left" vertical="top" wrapText="1"/>
    </xf>
    <xf numFmtId="0" fontId="34" fillId="0" borderId="0" xfId="0" applyFont="1" applyAlignment="1">
      <alignment horizontal="center" vertical="center" wrapText="1"/>
    </xf>
    <xf numFmtId="0" fontId="30" fillId="24" borderId="18" xfId="0" applyFont="1" applyFill="1" applyBorder="1" applyAlignment="1">
      <alignment horizontal="center" vertical="center"/>
    </xf>
    <xf numFmtId="10" fontId="39" fillId="0" borderId="18" xfId="38" applyNumberFormat="1" applyFont="1" applyFill="1" applyBorder="1" applyAlignment="1">
      <alignment horizontal="center" vertical="center"/>
    </xf>
    <xf numFmtId="168" fontId="31" fillId="0" borderId="18" xfId="0" applyNumberFormat="1" applyFont="1" applyBorder="1" applyAlignment="1">
      <alignment horizontal="center"/>
    </xf>
    <xf numFmtId="0" fontId="31" fillId="0" borderId="0" xfId="0" applyFont="1" applyAlignment="1">
      <alignment horizontal="left"/>
    </xf>
    <xf numFmtId="0" fontId="31" fillId="0" borderId="0" xfId="0" applyFont="1" applyAlignment="1">
      <alignment horizontal="left" vertical="justify"/>
    </xf>
    <xf numFmtId="0" fontId="44" fillId="0" borderId="0" xfId="24" applyFont="1" applyFill="1" applyAlignment="1">
      <alignment horizontal="center" vertical="center" wrapText="1"/>
    </xf>
    <xf numFmtId="0" fontId="31" fillId="0" borderId="0" xfId="0" applyFont="1" applyAlignment="1">
      <alignment horizontal="left" vertical="justify"/>
    </xf>
    <xf numFmtId="0" fontId="44" fillId="0" borderId="0" xfId="24" applyFont="1" applyFill="1" applyAlignment="1">
      <alignment horizontal="center" vertical="center" wrapText="1"/>
    </xf>
    <xf numFmtId="0" fontId="32" fillId="0" borderId="0" xfId="0" applyFont="1" applyAlignment="1">
      <alignment vertical="top"/>
    </xf>
    <xf numFmtId="0" fontId="31" fillId="0" borderId="0" xfId="0" applyFont="1" applyAlignment="1">
      <alignment vertical="justify"/>
    </xf>
    <xf numFmtId="0" fontId="50" fillId="0" borderId="0" xfId="24" applyFont="1" applyFill="1" applyAlignment="1">
      <alignment horizontal="center" vertical="center" wrapText="1"/>
    </xf>
    <xf numFmtId="0" fontId="30" fillId="24" borderId="0" xfId="0" applyFont="1" applyFill="1" applyBorder="1" applyAlignment="1">
      <alignment horizontal="center" vertical="center"/>
    </xf>
    <xf numFmtId="0" fontId="30" fillId="0" borderId="0" xfId="0" applyFont="1" applyFill="1" applyBorder="1" applyAlignment="1">
      <alignment horizontal="center" vertical="center" wrapText="1"/>
    </xf>
    <xf numFmtId="0" fontId="43" fillId="0" borderId="0" xfId="0" applyFont="1" applyFill="1" applyBorder="1" applyAlignment="1">
      <alignment horizontal="center" vertical="center" textRotation="90"/>
    </xf>
    <xf numFmtId="0" fontId="31" fillId="0" borderId="0" xfId="0" applyFont="1" applyAlignment="1">
      <alignment horizontal="left"/>
    </xf>
    <xf numFmtId="0" fontId="31" fillId="0" borderId="0" xfId="0" applyFont="1" applyAlignment="1">
      <alignment horizontal="left"/>
    </xf>
    <xf numFmtId="0" fontId="38" fillId="0" borderId="18" xfId="0" applyFont="1" applyFill="1" applyBorder="1" applyAlignment="1">
      <alignment horizontal="center" vertical="center" wrapText="1"/>
    </xf>
    <xf numFmtId="0" fontId="38" fillId="0" borderId="18" xfId="0" applyFont="1" applyFill="1" applyBorder="1" applyAlignment="1">
      <alignment horizontal="center" vertical="center" wrapText="1"/>
    </xf>
    <xf numFmtId="0" fontId="38" fillId="0" borderId="0" xfId="0" applyFont="1" applyFill="1" applyBorder="1" applyAlignment="1">
      <alignment horizontal="center" vertical="center" wrapText="1"/>
    </xf>
    <xf numFmtId="10" fontId="39" fillId="0" borderId="0" xfId="38" applyNumberFormat="1" applyFont="1" applyFill="1" applyBorder="1" applyAlignment="1">
      <alignment horizontal="center" vertical="center"/>
    </xf>
    <xf numFmtId="0" fontId="38" fillId="0" borderId="18" xfId="0" applyFont="1" applyFill="1" applyBorder="1" applyAlignment="1">
      <alignment horizontal="center" vertical="center" wrapText="1"/>
    </xf>
    <xf numFmtId="0" fontId="27" fillId="0" borderId="0" xfId="0" applyFont="1"/>
    <xf numFmtId="0" fontId="43" fillId="26" borderId="10" xfId="0" applyFont="1" applyFill="1" applyBorder="1" applyAlignment="1">
      <alignment horizontal="center" vertical="center" textRotation="90"/>
    </xf>
    <xf numFmtId="0" fontId="43" fillId="26" borderId="16" xfId="0" applyFont="1" applyFill="1" applyBorder="1" applyAlignment="1">
      <alignment horizontal="center" vertical="center" textRotation="90"/>
    </xf>
    <xf numFmtId="0" fontId="43" fillId="26" borderId="17" xfId="0" applyFont="1" applyFill="1" applyBorder="1" applyAlignment="1">
      <alignment horizontal="center" vertical="center" textRotation="90"/>
    </xf>
    <xf numFmtId="0" fontId="31" fillId="0" borderId="0" xfId="0" applyFont="1" applyAlignment="1">
      <alignment horizontal="left" vertical="top" wrapText="1"/>
    </xf>
    <xf numFmtId="0" fontId="35" fillId="0" borderId="0" xfId="0" applyFont="1" applyAlignment="1">
      <alignment horizontal="left" vertical="top" wrapText="1"/>
    </xf>
    <xf numFmtId="0" fontId="35" fillId="0" borderId="0" xfId="0" applyFont="1" applyFill="1" applyAlignment="1">
      <alignment horizontal="left" vertical="top" wrapText="1"/>
    </xf>
    <xf numFmtId="0" fontId="44" fillId="26" borderId="0" xfId="24" applyFont="1" applyFill="1" applyAlignment="1">
      <alignment horizontal="center" vertical="center" wrapText="1"/>
    </xf>
    <xf numFmtId="0" fontId="31" fillId="0" borderId="0" xfId="0" applyFont="1" applyAlignment="1">
      <alignment horizontal="left" vertical="justify"/>
    </xf>
    <xf numFmtId="0" fontId="23" fillId="0" borderId="0" xfId="0" applyFont="1" applyAlignment="1">
      <alignment horizontal="left" vertical="justify"/>
    </xf>
    <xf numFmtId="0" fontId="38" fillId="0" borderId="18" xfId="0" applyFont="1" applyFill="1" applyBorder="1" applyAlignment="1">
      <alignment horizontal="center" vertical="center" wrapText="1"/>
    </xf>
    <xf numFmtId="0" fontId="31" fillId="0" borderId="0" xfId="0" applyFont="1" applyAlignment="1">
      <alignment horizontal="left"/>
    </xf>
    <xf numFmtId="0" fontId="35" fillId="0" borderId="0" xfId="0" applyFont="1" applyAlignment="1">
      <alignment horizontal="left" vertical="center" wrapText="1"/>
    </xf>
    <xf numFmtId="0" fontId="35" fillId="0" borderId="0" xfId="0" applyFont="1" applyFill="1" applyAlignment="1">
      <alignment horizontal="left" wrapText="1"/>
    </xf>
    <xf numFmtId="0" fontId="35" fillId="0" borderId="0" xfId="0" applyFont="1" applyAlignment="1">
      <alignment horizontal="left" wrapText="1"/>
    </xf>
    <xf numFmtId="0" fontId="38" fillId="0" borderId="13" xfId="0" applyFont="1" applyFill="1" applyBorder="1" applyAlignment="1">
      <alignment horizontal="center" vertical="center"/>
    </xf>
    <xf numFmtId="0" fontId="38" fillId="0" borderId="24" xfId="0" applyFont="1" applyFill="1" applyBorder="1" applyAlignment="1">
      <alignment horizontal="center" vertical="center"/>
    </xf>
    <xf numFmtId="0" fontId="37" fillId="0" borderId="0" xfId="24" applyFont="1" applyFill="1" applyAlignment="1">
      <alignment horizontal="left" vertical="center" wrapText="1"/>
    </xf>
    <xf numFmtId="0" fontId="31" fillId="0" borderId="0" xfId="0" applyFont="1" applyFill="1" applyAlignment="1">
      <alignment horizontal="left" vertical="top" wrapText="1"/>
    </xf>
    <xf numFmtId="0" fontId="45" fillId="0" borderId="0" xfId="0" applyFont="1" applyAlignment="1">
      <alignment horizontal="center" vertical="center" wrapText="1"/>
    </xf>
    <xf numFmtId="0" fontId="31" fillId="0" borderId="0" xfId="0" applyFont="1" applyAlignment="1">
      <alignment horizontal="left" wrapText="1"/>
    </xf>
    <xf numFmtId="0" fontId="34" fillId="0" borderId="0" xfId="0" applyFont="1" applyAlignment="1">
      <alignment horizontal="center" vertical="center" wrapText="1"/>
    </xf>
    <xf numFmtId="0" fontId="31" fillId="0" borderId="0" xfId="0" applyFont="1" applyFill="1" applyAlignment="1">
      <alignment horizontal="left" vertical="center" wrapText="1"/>
    </xf>
    <xf numFmtId="166" fontId="35" fillId="0" borderId="0" xfId="0" applyNumberFormat="1" applyFont="1" applyFill="1" applyAlignment="1">
      <alignment horizontal="left" vertical="top" wrapText="1"/>
    </xf>
    <xf numFmtId="166" fontId="35" fillId="0" borderId="0" xfId="0" applyNumberFormat="1" applyFont="1" applyFill="1" applyAlignment="1">
      <alignment horizontal="left" wrapText="1"/>
    </xf>
    <xf numFmtId="0" fontId="50" fillId="0" borderId="0" xfId="24" applyFont="1" applyFill="1" applyAlignment="1">
      <alignment horizontal="left" vertical="center" wrapText="1"/>
    </xf>
    <xf numFmtId="0" fontId="44" fillId="0" borderId="0" xfId="24" applyFont="1" applyFill="1" applyAlignment="1">
      <alignment horizontal="center" vertical="center" wrapText="1"/>
    </xf>
    <xf numFmtId="0" fontId="38" fillId="0" borderId="18" xfId="0" applyFont="1" applyFill="1" applyBorder="1" applyAlignment="1">
      <alignment horizontal="center" vertical="center"/>
    </xf>
    <xf numFmtId="0" fontId="37" fillId="0" borderId="0" xfId="0" applyFont="1" applyFill="1" applyAlignment="1">
      <alignment horizontal="left" wrapText="1"/>
    </xf>
    <xf numFmtId="0" fontId="41" fillId="0" borderId="0" xfId="0" applyFont="1" applyAlignment="1">
      <alignment horizontal="left" vertical="top" wrapText="1"/>
    </xf>
    <xf numFmtId="0" fontId="35" fillId="0" borderId="0" xfId="24" applyFont="1" applyFill="1" applyAlignment="1">
      <alignment horizontal="left" vertical="top" wrapText="1"/>
    </xf>
    <xf numFmtId="0" fontId="31" fillId="0" borderId="0" xfId="0" applyFont="1" applyAlignment="1">
      <alignment horizontal="left" vertical="center" wrapText="1"/>
    </xf>
    <xf numFmtId="0" fontId="38" fillId="0" borderId="10" xfId="0" applyFont="1" applyFill="1" applyBorder="1" applyAlignment="1">
      <alignment horizontal="center" vertical="center" wrapText="1"/>
    </xf>
    <xf numFmtId="0" fontId="38" fillId="0" borderId="10" xfId="0" applyFont="1" applyFill="1" applyBorder="1" applyAlignment="1">
      <alignment horizontal="center" vertical="center"/>
    </xf>
    <xf numFmtId="0" fontId="31" fillId="0" borderId="0" xfId="0" applyFont="1" applyFill="1" applyAlignment="1">
      <alignment horizontal="left" vertical="justify"/>
    </xf>
    <xf numFmtId="0" fontId="46" fillId="27" borderId="0" xfId="0" applyFont="1" applyFill="1" applyAlignment="1">
      <alignment horizontal="center" vertical="center"/>
    </xf>
    <xf numFmtId="0" fontId="51" fillId="26" borderId="19" xfId="0" applyFont="1" applyFill="1" applyBorder="1" applyAlignment="1">
      <alignment horizontal="center" vertical="center" wrapText="1"/>
    </xf>
    <xf numFmtId="0" fontId="51" fillId="26" borderId="22" xfId="0" applyFont="1" applyFill="1" applyBorder="1" applyAlignment="1">
      <alignment horizontal="center" vertical="center"/>
    </xf>
    <xf numFmtId="0" fontId="51" fillId="26" borderId="23" xfId="0" applyFont="1" applyFill="1" applyBorder="1" applyAlignment="1">
      <alignment horizontal="center" vertical="center" wrapText="1"/>
    </xf>
    <xf numFmtId="0" fontId="46" fillId="0" borderId="25" xfId="0" applyFont="1" applyBorder="1" applyAlignment="1">
      <alignment horizontal="center" vertical="center" wrapText="1"/>
    </xf>
    <xf numFmtId="0" fontId="46" fillId="0" borderId="23" xfId="0" applyFont="1" applyBorder="1" applyAlignment="1">
      <alignment horizontal="center" vertical="center" wrapText="1"/>
    </xf>
    <xf numFmtId="0" fontId="46" fillId="0" borderId="23" xfId="0" applyFont="1" applyBorder="1" applyAlignment="1">
      <alignment horizontal="center" vertical="center"/>
    </xf>
    <xf numFmtId="0" fontId="18" fillId="0" borderId="23" xfId="0" applyFont="1" applyBorder="1" applyAlignment="1">
      <alignment horizontal="center" vertical="center"/>
    </xf>
    <xf numFmtId="0" fontId="46" fillId="0" borderId="27" xfId="0" applyFont="1" applyBorder="1" applyAlignment="1">
      <alignment horizontal="center" vertical="center"/>
    </xf>
    <xf numFmtId="0" fontId="46" fillId="0" borderId="25" xfId="0" applyFont="1" applyBorder="1" applyAlignment="1">
      <alignment horizontal="center" vertical="center"/>
    </xf>
    <xf numFmtId="0" fontId="51" fillId="26" borderId="20" xfId="0" applyFont="1" applyFill="1" applyBorder="1" applyAlignment="1">
      <alignment horizontal="center" vertical="center"/>
    </xf>
    <xf numFmtId="0" fontId="51" fillId="26" borderId="21" xfId="0" applyFont="1" applyFill="1" applyBorder="1" applyAlignment="1">
      <alignment horizontal="center" vertical="center"/>
    </xf>
    <xf numFmtId="0" fontId="51" fillId="26" borderId="22" xfId="0" applyFont="1" applyFill="1" applyBorder="1" applyAlignment="1">
      <alignment horizontal="center" vertical="center"/>
    </xf>
    <xf numFmtId="0" fontId="46" fillId="0" borderId="26" xfId="0" applyFont="1" applyBorder="1" applyAlignment="1">
      <alignment horizontal="center" vertical="center" wrapText="1"/>
    </xf>
    <xf numFmtId="0" fontId="46" fillId="0" borderId="28" xfId="0" applyFont="1" applyBorder="1" applyAlignment="1">
      <alignment horizontal="center" vertical="center" wrapText="1"/>
    </xf>
    <xf numFmtId="0" fontId="46" fillId="0" borderId="25" xfId="0" applyFont="1" applyBorder="1" applyAlignment="1">
      <alignment horizontal="center" vertical="center" wrapText="1"/>
    </xf>
    <xf numFmtId="0" fontId="31" fillId="0" borderId="0" xfId="0" applyFont="1" applyBorder="1"/>
    <xf numFmtId="10" fontId="49" fillId="0" borderId="0" xfId="38" applyNumberFormat="1" applyFont="1" applyFill="1" applyBorder="1" applyAlignment="1">
      <alignment horizontal="center" vertical="center"/>
    </xf>
    <xf numFmtId="10" fontId="0" fillId="0" borderId="0" xfId="38" applyNumberFormat="1" applyFont="1" applyBorder="1" applyAlignment="1">
      <alignment horizontal="center"/>
    </xf>
    <xf numFmtId="10" fontId="33" fillId="0" borderId="0" xfId="38" applyNumberFormat="1" applyFont="1" applyBorder="1" applyAlignment="1">
      <alignment horizontal="center"/>
    </xf>
    <xf numFmtId="0" fontId="31" fillId="0" borderId="0" xfId="0" applyFont="1" applyBorder="1" applyAlignment="1">
      <alignment horizontal="center"/>
    </xf>
  </cellXfs>
  <cellStyles count="93">
    <cellStyle name="20% - Énfasis1" xfId="1" builtinId="30" customBuiltin="1"/>
    <cellStyle name="20% - Énfasis2" xfId="2" builtinId="34" customBuiltin="1"/>
    <cellStyle name="20% - Énfasis3" xfId="3" builtinId="38" customBuiltin="1"/>
    <cellStyle name="20% - Énfasis4" xfId="4" builtinId="42" customBuiltin="1"/>
    <cellStyle name="20% - Énfasis5" xfId="5" builtinId="46" customBuiltin="1"/>
    <cellStyle name="20% - Énfasis6" xfId="6" builtinId="50" customBuiltin="1"/>
    <cellStyle name="40% - Énfasis1" xfId="7" builtinId="31" customBuiltin="1"/>
    <cellStyle name="40% - Énfasis2" xfId="8" builtinId="35" customBuiltin="1"/>
    <cellStyle name="40% - Énfasis3" xfId="9" builtinId="39" customBuiltin="1"/>
    <cellStyle name="40% - Énfasis4" xfId="10" builtinId="43" customBuiltin="1"/>
    <cellStyle name="40% - Énfasis5" xfId="11" builtinId="47" customBuiltin="1"/>
    <cellStyle name="40% - Énfasis6" xfId="12" builtinId="51" customBuiltin="1"/>
    <cellStyle name="60% - Énfasis1" xfId="13" builtinId="32" customBuiltin="1"/>
    <cellStyle name="60% - Énfasis2" xfId="14" builtinId="36" customBuiltin="1"/>
    <cellStyle name="60% - Énfasis3" xfId="15" builtinId="40" customBuiltin="1"/>
    <cellStyle name="60% - Énfasis4" xfId="16" builtinId="44" customBuiltin="1"/>
    <cellStyle name="60% - Énfasis5" xfId="17" builtinId="48" customBuiltin="1"/>
    <cellStyle name="60% - Énfasis6" xfId="18" builtinId="52" customBuiltin="1"/>
    <cellStyle name="Bueno" xfId="19" builtinId="26" customBuiltin="1"/>
    <cellStyle name="Cálculo" xfId="20" builtinId="22" customBuiltin="1"/>
    <cellStyle name="Celda de comprobación" xfId="21" builtinId="23" customBuiltin="1"/>
    <cellStyle name="Celda vinculada" xfId="22" builtinId="24" customBuiltin="1"/>
    <cellStyle name="Encabezado 1" xfId="45" builtinId="16" customBuiltin="1"/>
    <cellStyle name="Encabezado 4" xfId="23" builtinId="19" customBuiltin="1"/>
    <cellStyle name="Énfasis1" xfId="24" builtinId="29" customBuiltin="1"/>
    <cellStyle name="Énfasis1 2" xfId="25"/>
    <cellStyle name="Énfasis2" xfId="26" builtinId="33" customBuiltin="1"/>
    <cellStyle name="Énfasis3" xfId="27" builtinId="37" customBuiltin="1"/>
    <cellStyle name="Énfasis4" xfId="28" builtinId="41" customBuiltin="1"/>
    <cellStyle name="Énfasis5" xfId="29" builtinId="45" customBuiltin="1"/>
    <cellStyle name="Énfasis6" xfId="30" builtinId="49" customBuiltin="1"/>
    <cellStyle name="Entrada" xfId="31" builtinId="20" customBuiltin="1"/>
    <cellStyle name="Hipervínculo" xfId="49" builtinId="8" hidden="1"/>
    <cellStyle name="Hipervínculo" xfId="51" builtinId="8" hidden="1"/>
    <cellStyle name="Hipervínculo" xfId="53" builtinId="8" hidden="1"/>
    <cellStyle name="Hipervínculo" xfId="55" builtinId="8" hidden="1"/>
    <cellStyle name="Hipervínculo" xfId="57" builtinId="8" hidden="1"/>
    <cellStyle name="Hipervínculo" xfId="59" builtinId="8" hidden="1"/>
    <cellStyle name="Hipervínculo" xfId="61" builtinId="8" hidden="1"/>
    <cellStyle name="Hipervínculo" xfId="63" builtinId="8" hidden="1"/>
    <cellStyle name="Hipervínculo" xfId="65" builtinId="8" hidden="1"/>
    <cellStyle name="Hipervínculo" xfId="67" builtinId="8" hidden="1"/>
    <cellStyle name="Hipervínculo" xfId="69" builtinId="8" hidden="1"/>
    <cellStyle name="Hipervínculo" xfId="71" builtinId="8" hidden="1"/>
    <cellStyle name="Hipervínculo" xfId="73" builtinId="8" hidden="1"/>
    <cellStyle name="Hipervínculo" xfId="75" builtinId="8" hidden="1"/>
    <cellStyle name="Hipervínculo" xfId="77" builtinId="8" hidden="1"/>
    <cellStyle name="Hipervínculo" xfId="79" builtinId="8" hidden="1"/>
    <cellStyle name="Hipervínculo" xfId="81" builtinId="8" hidden="1"/>
    <cellStyle name="Hipervínculo" xfId="83" builtinId="8" hidden="1"/>
    <cellStyle name="Hipervínculo" xfId="85" builtinId="8" hidden="1"/>
    <cellStyle name="Hipervínculo" xfId="87" builtinId="8" hidden="1"/>
    <cellStyle name="Hipervínculo" xfId="89" builtinId="8" hidden="1"/>
    <cellStyle name="Hipervínculo" xfId="91" builtinId="8" hidden="1"/>
    <cellStyle name="Hipervínculo visitado" xfId="50" builtinId="9" hidden="1"/>
    <cellStyle name="Hipervínculo visitado" xfId="52" builtinId="9" hidden="1"/>
    <cellStyle name="Hipervínculo visitado" xfId="54" builtinId="9" hidden="1"/>
    <cellStyle name="Hipervínculo visitado" xfId="56" builtinId="9" hidden="1"/>
    <cellStyle name="Hipervínculo visitado" xfId="58" builtinId="9" hidden="1"/>
    <cellStyle name="Hipervínculo visitado" xfId="60" builtinId="9" hidden="1"/>
    <cellStyle name="Hipervínculo visitado" xfId="62" builtinId="9" hidden="1"/>
    <cellStyle name="Hipervínculo visitado" xfId="64" builtinId="9" hidden="1"/>
    <cellStyle name="Hipervínculo visitado" xfId="66" builtinId="9" hidden="1"/>
    <cellStyle name="Hipervínculo visitado" xfId="68" builtinId="9" hidden="1"/>
    <cellStyle name="Hipervínculo visitado" xfId="70" builtinId="9" hidden="1"/>
    <cellStyle name="Hipervínculo visitado" xfId="72" builtinId="9" hidden="1"/>
    <cellStyle name="Hipervínculo visitado" xfId="74" builtinId="9" hidden="1"/>
    <cellStyle name="Hipervínculo visitado" xfId="76" builtinId="9" hidden="1"/>
    <cellStyle name="Hipervínculo visitado" xfId="78" builtinId="9" hidden="1"/>
    <cellStyle name="Hipervínculo visitado" xfId="80" builtinId="9" hidden="1"/>
    <cellStyle name="Hipervínculo visitado" xfId="82" builtinId="9" hidden="1"/>
    <cellStyle name="Hipervínculo visitado" xfId="84" builtinId="9" hidden="1"/>
    <cellStyle name="Hipervínculo visitado" xfId="86" builtinId="9" hidden="1"/>
    <cellStyle name="Hipervínculo visitado" xfId="88" builtinId="9" hidden="1"/>
    <cellStyle name="Hipervínculo visitado" xfId="90" builtinId="9" hidden="1"/>
    <cellStyle name="Hipervínculo visitado" xfId="92" builtinId="9" hidden="1"/>
    <cellStyle name="Incorrecto" xfId="32" builtinId="27" customBuiltin="1"/>
    <cellStyle name="Millares 11" xfId="33"/>
    <cellStyle name="Neutral" xfId="34" builtinId="28" customBuiltin="1"/>
    <cellStyle name="Normal" xfId="0" builtinId="0"/>
    <cellStyle name="Normal 2" xfId="35"/>
    <cellStyle name="Normal 3" xfId="36"/>
    <cellStyle name="Notas" xfId="37" builtinId="10" customBuiltin="1"/>
    <cellStyle name="Porcentaje" xfId="38" builtinId="5"/>
    <cellStyle name="Porcentual 2" xfId="39"/>
    <cellStyle name="Porcentual 3" xfId="40"/>
    <cellStyle name="Salida" xfId="41" builtinId="21" customBuiltin="1"/>
    <cellStyle name="Texto de advertencia" xfId="42" builtinId="11" customBuiltin="1"/>
    <cellStyle name="Texto explicativo" xfId="43" builtinId="53" customBuiltin="1"/>
    <cellStyle name="Título" xfId="44" builtinId="15" customBuiltin="1"/>
    <cellStyle name="Título 2" xfId="46" builtinId="17" customBuiltin="1"/>
    <cellStyle name="Título 3" xfId="47" builtinId="18" customBuiltin="1"/>
    <cellStyle name="Total" xfId="48" builtinId="25"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customXml" Target="../customXml/item3.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0.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6.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7.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8.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6.xml.rels><?xml version="1.0" encoding="UTF-8" standalone="yes"?>
<Relationships xmlns="http://schemas.openxmlformats.org/package/2006/relationships"><Relationship Id="rId1" Type="http://schemas.openxmlformats.org/officeDocument/2006/relationships/image" Target="../media/image1.jpeg"/></Relationships>
</file>

<file path=xl/drawings/_rels/drawing7.xml.rels><?xml version="1.0" encoding="UTF-8" standalone="yes"?>
<Relationships xmlns="http://schemas.openxmlformats.org/package/2006/relationships"><Relationship Id="rId1" Type="http://schemas.openxmlformats.org/officeDocument/2006/relationships/image" Target="../media/image1.jpeg"/></Relationships>
</file>

<file path=xl/drawings/_rels/drawing8.xml.rels><?xml version="1.0" encoding="UTF-8" standalone="yes"?>
<Relationships xmlns="http://schemas.openxmlformats.org/package/2006/relationships"><Relationship Id="rId1" Type="http://schemas.openxmlformats.org/officeDocument/2006/relationships/image" Target="../media/image1.jpeg"/></Relationships>
</file>

<file path=xl/drawings/_rels/drawing9.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029" name="1 Imagen" descr="http://t3.gstatic.com/images?q=tbn:ANd9GcQ2CNdNv4VBaXP-qbSleZa0ENkwGhfwGDfiPP_caGrF2tBv1xHBVA">
          <a:extLst>
            <a:ext uri="{FF2B5EF4-FFF2-40B4-BE49-F238E27FC236}">
              <a16:creationId xmlns:a16="http://schemas.microsoft.com/office/drawing/2014/main" id="{00000000-0008-0000-0100-0000050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0245" name="1 Imagen" descr="http://t3.gstatic.com/images?q=tbn:ANd9GcQ2CNdNv4VBaXP-qbSleZa0ENkwGhfwGDfiPP_caGrF2tBv1xHBVA">
          <a:extLst>
            <a:ext uri="{FF2B5EF4-FFF2-40B4-BE49-F238E27FC236}">
              <a16:creationId xmlns:a16="http://schemas.microsoft.com/office/drawing/2014/main" id="{00000000-0008-0000-0A00-0000052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1269" name="1 Imagen" descr="http://t3.gstatic.com/images?q=tbn:ANd9GcQ2CNdNv4VBaXP-qbSleZa0ENkwGhfwGDfiPP_caGrF2tBv1xHBVA">
          <a:extLst>
            <a:ext uri="{FF2B5EF4-FFF2-40B4-BE49-F238E27FC236}">
              <a16:creationId xmlns:a16="http://schemas.microsoft.com/office/drawing/2014/main" id="{00000000-0008-0000-0B00-0000052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2293" name="1 Imagen" descr="http://t3.gstatic.com/images?q=tbn:ANd9GcQ2CNdNv4VBaXP-qbSleZa0ENkwGhfwGDfiPP_caGrF2tBv1xHBVA">
          <a:extLst>
            <a:ext uri="{FF2B5EF4-FFF2-40B4-BE49-F238E27FC236}">
              <a16:creationId xmlns:a16="http://schemas.microsoft.com/office/drawing/2014/main" id="{00000000-0008-0000-0C00-0000053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3317" name="1 Imagen" descr="http://t3.gstatic.com/images?q=tbn:ANd9GcQ2CNdNv4VBaXP-qbSleZa0ENkwGhfwGDfiPP_caGrF2tBv1xHBVA">
          <a:extLst>
            <a:ext uri="{FF2B5EF4-FFF2-40B4-BE49-F238E27FC236}">
              <a16:creationId xmlns:a16="http://schemas.microsoft.com/office/drawing/2014/main" id="{00000000-0008-0000-0D00-0000053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4341" name="1 Imagen" descr="http://t3.gstatic.com/images?q=tbn:ANd9GcQ2CNdNv4VBaXP-qbSleZa0ENkwGhfwGDfiPP_caGrF2tBv1xHBVA">
          <a:extLst>
            <a:ext uri="{FF2B5EF4-FFF2-40B4-BE49-F238E27FC236}">
              <a16:creationId xmlns:a16="http://schemas.microsoft.com/office/drawing/2014/main" id="{00000000-0008-0000-0E00-0000053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7413" name="1 Imagen" descr="http://t3.gstatic.com/images?q=tbn:ANd9GcQ2CNdNv4VBaXP-qbSleZa0ENkwGhfwGDfiPP_caGrF2tBv1xHBVA">
          <a:extLst>
            <a:ext uri="{FF2B5EF4-FFF2-40B4-BE49-F238E27FC236}">
              <a16:creationId xmlns:a16="http://schemas.microsoft.com/office/drawing/2014/main" id="{00000000-0008-0000-0F00-0000054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8437" name="1 Imagen" descr="http://t3.gstatic.com/images?q=tbn:ANd9GcQ2CNdNv4VBaXP-qbSleZa0ENkwGhfwGDfiPP_caGrF2tBv1xHBVA">
          <a:extLst>
            <a:ext uri="{FF2B5EF4-FFF2-40B4-BE49-F238E27FC236}">
              <a16:creationId xmlns:a16="http://schemas.microsoft.com/office/drawing/2014/main" id="{00000000-0008-0000-1000-0000054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9461" name="1 Imagen" descr="http://t3.gstatic.com/images?q=tbn:ANd9GcQ2CNdNv4VBaXP-qbSleZa0ENkwGhfwGDfiPP_caGrF2tBv1xHBVA">
          <a:extLst>
            <a:ext uri="{FF2B5EF4-FFF2-40B4-BE49-F238E27FC236}">
              <a16:creationId xmlns:a16="http://schemas.microsoft.com/office/drawing/2014/main" id="{00000000-0008-0000-1100-0000054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4101" name="1 Imagen" descr="http://t3.gstatic.com/images?q=tbn:ANd9GcQ2CNdNv4VBaXP-qbSleZa0ENkwGhfwGDfiPP_caGrF2tBv1xHBVA">
          <a:extLst>
            <a:ext uri="{FF2B5EF4-FFF2-40B4-BE49-F238E27FC236}">
              <a16:creationId xmlns:a16="http://schemas.microsoft.com/office/drawing/2014/main" id="{00000000-0008-0000-1200-0000051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1</xdr:col>
      <xdr:colOff>476250</xdr:colOff>
      <xdr:row>3</xdr:row>
      <xdr:rowOff>0</xdr:rowOff>
    </xdr:to>
    <xdr:pic>
      <xdr:nvPicPr>
        <xdr:cNvPr id="2" name="1 Imagen" descr="http://t3.gstatic.com/images?q=tbn:ANd9GcQ2CNdNv4VBaXP-qbSleZa0ENkwGhfwGDfiPP_caGrF2tBv1xHBVA">
          <a:extLst>
            <a:ext uri="{FF2B5EF4-FFF2-40B4-BE49-F238E27FC236}">
              <a16:creationId xmlns:a16="http://schemas.microsoft.com/office/drawing/2014/main" id="{00000000-0008-0000-0200-0000020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81050" cy="419100"/>
        </a:xfrm>
        <a:prstGeom prst="rect">
          <a:avLst/>
        </a:prstGeom>
        <a:noFill/>
        <a:ln w="9525">
          <a:noFill/>
          <a:miter lim="800000"/>
          <a:headEnd/>
          <a:tailEnd/>
        </a:ln>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3077" name="1 Imagen" descr="http://t3.gstatic.com/images?q=tbn:ANd9GcQ2CNdNv4VBaXP-qbSleZa0ENkwGhfwGDfiPP_caGrF2tBv1xHBVA">
          <a:extLst>
            <a:ext uri="{FF2B5EF4-FFF2-40B4-BE49-F238E27FC236}">
              <a16:creationId xmlns:a16="http://schemas.microsoft.com/office/drawing/2014/main" id="{00000000-0008-0000-0300-0000050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2" name="1 Imagen" descr="http://t3.gstatic.com/images?q=tbn:ANd9GcQ2CNdNv4VBaXP-qbSleZa0ENkwGhfwGDfiPP_caGrF2tBv1xHBVA">
          <a:extLst>
            <a:ext uri="{FF2B5EF4-FFF2-40B4-BE49-F238E27FC236}">
              <a16:creationId xmlns:a16="http://schemas.microsoft.com/office/drawing/2014/main" id="{00000000-0008-0000-0400-0000020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81050" cy="419100"/>
        </a:xfrm>
        <a:prstGeom prst="rect">
          <a:avLst/>
        </a:prstGeom>
        <a:noFill/>
        <a:ln w="9525">
          <a:noFill/>
          <a:miter lim="800000"/>
          <a:headEnd/>
          <a:tailEnd/>
        </a:ln>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2053" name="1 Imagen" descr="http://t3.gstatic.com/images?q=tbn:ANd9GcQ2CNdNv4VBaXP-qbSleZa0ENkwGhfwGDfiPP_caGrF2tBv1xHBVA">
          <a:extLst>
            <a:ext uri="{FF2B5EF4-FFF2-40B4-BE49-F238E27FC236}">
              <a16:creationId xmlns:a16="http://schemas.microsoft.com/office/drawing/2014/main" id="{00000000-0008-0000-0500-0000050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6149" name="1 Imagen" descr="http://t3.gstatic.com/images?q=tbn:ANd9GcQ2CNdNv4VBaXP-qbSleZa0ENkwGhfwGDfiPP_caGrF2tBv1xHBVA">
          <a:extLst>
            <a:ext uri="{FF2B5EF4-FFF2-40B4-BE49-F238E27FC236}">
              <a16:creationId xmlns:a16="http://schemas.microsoft.com/office/drawing/2014/main" id="{00000000-0008-0000-0600-0000051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7173" name="1 Imagen" descr="http://t3.gstatic.com/images?q=tbn:ANd9GcQ2CNdNv4VBaXP-qbSleZa0ENkwGhfwGDfiPP_caGrF2tBv1xHBVA">
          <a:extLst>
            <a:ext uri="{FF2B5EF4-FFF2-40B4-BE49-F238E27FC236}">
              <a16:creationId xmlns:a16="http://schemas.microsoft.com/office/drawing/2014/main" id="{00000000-0008-0000-0700-0000051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8197" name="1 Imagen" descr="http://t3.gstatic.com/images?q=tbn:ANd9GcQ2CNdNv4VBaXP-qbSleZa0ENkwGhfwGDfiPP_caGrF2tBv1xHBVA">
          <a:extLst>
            <a:ext uri="{FF2B5EF4-FFF2-40B4-BE49-F238E27FC236}">
              <a16:creationId xmlns:a16="http://schemas.microsoft.com/office/drawing/2014/main" id="{00000000-0008-0000-0800-0000052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9221" name="1 Imagen" descr="http://t3.gstatic.com/images?q=tbn:ANd9GcQ2CNdNv4VBaXP-qbSleZa0ENkwGhfwGDfiPP_caGrF2tBv1xHBVA">
          <a:extLst>
            <a:ext uri="{FF2B5EF4-FFF2-40B4-BE49-F238E27FC236}">
              <a16:creationId xmlns:a16="http://schemas.microsoft.com/office/drawing/2014/main" id="{00000000-0008-0000-0900-0000052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
    <pageSetUpPr fitToPage="1"/>
  </sheetPr>
  <dimension ref="A1:N58"/>
  <sheetViews>
    <sheetView showGridLines="0" tabSelected="1" workbookViewId="0">
      <selection activeCell="C29" sqref="C29"/>
    </sheetView>
  </sheetViews>
  <sheetFormatPr baseColWidth="10" defaultColWidth="10.77734375" defaultRowHeight="13.8" x14ac:dyDescent="0.3"/>
  <cols>
    <col min="1" max="1" width="3.77734375" style="9" customWidth="1"/>
    <col min="2" max="2" width="30.21875" style="25" customWidth="1"/>
    <col min="3" max="3" width="65" style="24" customWidth="1"/>
    <col min="4" max="4" width="20.77734375" style="24" customWidth="1"/>
    <col min="5" max="5" width="14.77734375" style="9" bestFit="1" customWidth="1"/>
    <col min="6" max="16384" width="10.77734375" style="9"/>
  </cols>
  <sheetData>
    <row r="1" spans="1:14" s="7" customFormat="1" x14ac:dyDescent="0.3">
      <c r="B1" s="130" t="s">
        <v>171</v>
      </c>
      <c r="C1" s="130"/>
      <c r="D1" s="130"/>
      <c r="E1" s="9"/>
      <c r="F1" s="9"/>
      <c r="G1" s="9"/>
      <c r="H1" s="9"/>
      <c r="I1" s="9"/>
      <c r="J1" s="9"/>
      <c r="K1" s="9"/>
      <c r="L1" s="9"/>
    </row>
    <row r="2" spans="1:14" s="7" customFormat="1" x14ac:dyDescent="0.3">
      <c r="B2" s="10" t="s">
        <v>172</v>
      </c>
      <c r="C2" s="10"/>
      <c r="D2" s="10"/>
      <c r="E2" s="9"/>
      <c r="F2" s="9"/>
      <c r="G2" s="9"/>
      <c r="H2" s="9"/>
      <c r="I2" s="9"/>
      <c r="J2" s="9"/>
      <c r="K2" s="9"/>
      <c r="L2" s="9"/>
    </row>
    <row r="3" spans="1:14" s="7" customFormat="1" ht="6.75" customHeight="1" x14ac:dyDescent="0.3">
      <c r="E3" s="9"/>
      <c r="F3" s="9"/>
      <c r="G3" s="9"/>
      <c r="H3" s="9"/>
      <c r="I3" s="9"/>
      <c r="J3" s="9"/>
      <c r="K3" s="9"/>
      <c r="L3" s="9"/>
    </row>
    <row r="4" spans="1:14" s="15" customFormat="1" x14ac:dyDescent="0.3">
      <c r="A4" s="8"/>
      <c r="B4" s="88" t="s">
        <v>51</v>
      </c>
      <c r="C4" s="88" t="s">
        <v>52</v>
      </c>
      <c r="D4" s="88" t="s">
        <v>53</v>
      </c>
      <c r="E4" s="88" t="s">
        <v>194</v>
      </c>
      <c r="F4" s="11"/>
      <c r="G4" s="11"/>
      <c r="H4" s="11"/>
      <c r="I4" s="11"/>
      <c r="J4" s="11"/>
      <c r="K4" s="11"/>
      <c r="L4" s="12"/>
      <c r="M4" s="13"/>
      <c r="N4" s="14"/>
    </row>
    <row r="5" spans="1:14" s="19" customFormat="1" ht="46.5" customHeight="1" x14ac:dyDescent="0.3">
      <c r="A5" s="132" t="s">
        <v>46</v>
      </c>
      <c r="B5" s="20" t="s">
        <v>209</v>
      </c>
      <c r="C5" s="21" t="s">
        <v>210</v>
      </c>
      <c r="D5" s="87" t="s">
        <v>119</v>
      </c>
      <c r="E5" s="87" t="s">
        <v>195</v>
      </c>
      <c r="F5" s="16"/>
      <c r="G5" s="16"/>
      <c r="H5" s="16"/>
      <c r="I5" s="16"/>
      <c r="J5" s="16"/>
      <c r="K5" s="16"/>
      <c r="L5" s="16"/>
      <c r="M5" s="17"/>
      <c r="N5" s="18"/>
    </row>
    <row r="6" spans="1:14" s="19" customFormat="1" ht="44.25" customHeight="1" x14ac:dyDescent="0.3">
      <c r="A6" s="133"/>
      <c r="B6" s="20" t="s">
        <v>212</v>
      </c>
      <c r="C6" s="21" t="s">
        <v>211</v>
      </c>
      <c r="D6" s="87" t="s">
        <v>119</v>
      </c>
      <c r="E6" s="87" t="s">
        <v>195</v>
      </c>
      <c r="F6" s="16"/>
      <c r="G6" s="16"/>
      <c r="H6" s="16"/>
      <c r="I6" s="16"/>
      <c r="J6" s="16"/>
      <c r="K6" s="16"/>
      <c r="L6" s="16"/>
      <c r="M6" s="12"/>
      <c r="N6" s="94"/>
    </row>
    <row r="7" spans="1:14" s="23" customFormat="1" ht="31.5" customHeight="1" x14ac:dyDescent="0.3">
      <c r="A7" s="133"/>
      <c r="B7" s="20" t="s">
        <v>213</v>
      </c>
      <c r="C7" s="21" t="s">
        <v>121</v>
      </c>
      <c r="D7" s="87" t="s">
        <v>119</v>
      </c>
      <c r="E7" s="87" t="s">
        <v>195</v>
      </c>
      <c r="F7" s="16"/>
      <c r="G7" s="16"/>
      <c r="H7" s="16"/>
      <c r="I7" s="16"/>
      <c r="J7" s="16"/>
      <c r="K7" s="16"/>
      <c r="L7" s="16"/>
      <c r="M7" s="16"/>
      <c r="N7" s="22"/>
    </row>
    <row r="8" spans="1:14" s="13" customFormat="1" ht="31.5" customHeight="1" x14ac:dyDescent="0.3">
      <c r="A8" s="133"/>
      <c r="B8" s="109" t="s">
        <v>214</v>
      </c>
      <c r="C8" s="21" t="s">
        <v>121</v>
      </c>
      <c r="D8" s="87" t="s">
        <v>119</v>
      </c>
      <c r="E8" s="87" t="s">
        <v>195</v>
      </c>
      <c r="F8" s="16"/>
      <c r="G8" s="16"/>
      <c r="H8" s="16"/>
      <c r="I8" s="16"/>
      <c r="J8" s="16"/>
      <c r="K8" s="16"/>
      <c r="L8" s="16"/>
      <c r="M8" s="16"/>
      <c r="N8" s="12"/>
    </row>
    <row r="9" spans="1:14" s="16" customFormat="1" ht="31.5" customHeight="1" x14ac:dyDescent="0.3">
      <c r="A9" s="133"/>
      <c r="B9" s="20" t="s">
        <v>215</v>
      </c>
      <c r="C9" s="21" t="s">
        <v>166</v>
      </c>
      <c r="D9" s="87" t="s">
        <v>119</v>
      </c>
      <c r="E9" s="87" t="s">
        <v>195</v>
      </c>
    </row>
    <row r="10" spans="1:14" s="16" customFormat="1" ht="31.5" customHeight="1" x14ac:dyDescent="0.3">
      <c r="A10" s="133"/>
      <c r="B10" s="20" t="s">
        <v>216</v>
      </c>
      <c r="C10" s="21" t="s">
        <v>167</v>
      </c>
      <c r="D10" s="87" t="s">
        <v>119</v>
      </c>
      <c r="E10" s="87" t="s">
        <v>195</v>
      </c>
    </row>
    <row r="11" spans="1:14" s="16" customFormat="1" ht="31.5" customHeight="1" x14ac:dyDescent="0.3">
      <c r="A11" s="133"/>
      <c r="B11" s="20" t="s">
        <v>35</v>
      </c>
      <c r="C11" s="21" t="s">
        <v>36</v>
      </c>
      <c r="D11" s="87" t="s">
        <v>119</v>
      </c>
      <c r="E11" s="87" t="s">
        <v>195</v>
      </c>
    </row>
    <row r="12" spans="1:14" s="16" customFormat="1" ht="31.5" customHeight="1" x14ac:dyDescent="0.3">
      <c r="A12" s="133"/>
      <c r="B12" s="20" t="s">
        <v>3</v>
      </c>
      <c r="C12" s="21" t="s">
        <v>122</v>
      </c>
      <c r="D12" s="87" t="s">
        <v>119</v>
      </c>
      <c r="E12" s="87" t="s">
        <v>195</v>
      </c>
    </row>
    <row r="13" spans="1:14" s="16" customFormat="1" ht="31.5" customHeight="1" x14ac:dyDescent="0.3">
      <c r="A13" s="133"/>
      <c r="B13" s="20" t="s">
        <v>37</v>
      </c>
      <c r="C13" s="21" t="s">
        <v>59</v>
      </c>
      <c r="D13" s="87" t="s">
        <v>54</v>
      </c>
      <c r="E13" s="87" t="s">
        <v>195</v>
      </c>
    </row>
    <row r="14" spans="1:14" s="16" customFormat="1" ht="31.5" customHeight="1" x14ac:dyDescent="0.3">
      <c r="A14" s="133"/>
      <c r="B14" s="20" t="s">
        <v>38</v>
      </c>
      <c r="C14" s="21" t="s">
        <v>113</v>
      </c>
      <c r="D14" s="87" t="s">
        <v>273</v>
      </c>
      <c r="E14" s="87" t="s">
        <v>195</v>
      </c>
    </row>
    <row r="15" spans="1:14" s="16" customFormat="1" ht="31.5" customHeight="1" x14ac:dyDescent="0.3">
      <c r="A15" s="133"/>
      <c r="B15" s="20" t="s">
        <v>39</v>
      </c>
      <c r="C15" s="21" t="s">
        <v>40</v>
      </c>
      <c r="D15" s="87" t="s">
        <v>50</v>
      </c>
      <c r="E15" s="87" t="s">
        <v>195</v>
      </c>
    </row>
    <row r="16" spans="1:14" s="16" customFormat="1" ht="31.5" customHeight="1" x14ac:dyDescent="0.3">
      <c r="A16" s="133"/>
      <c r="B16" s="109" t="s">
        <v>217</v>
      </c>
      <c r="C16" s="21" t="s">
        <v>168</v>
      </c>
      <c r="D16" s="87" t="s">
        <v>120</v>
      </c>
      <c r="E16" s="87" t="s">
        <v>195</v>
      </c>
    </row>
    <row r="17" spans="1:6" s="16" customFormat="1" ht="31.5" customHeight="1" x14ac:dyDescent="0.3">
      <c r="A17" s="133"/>
      <c r="B17" s="20" t="s">
        <v>105</v>
      </c>
      <c r="C17" s="21" t="s">
        <v>178</v>
      </c>
      <c r="D17" s="87" t="s">
        <v>106</v>
      </c>
      <c r="E17" s="87" t="s">
        <v>195</v>
      </c>
    </row>
    <row r="18" spans="1:6" ht="31.5" customHeight="1" x14ac:dyDescent="0.3">
      <c r="A18" s="133"/>
      <c r="B18" s="20" t="s">
        <v>107</v>
      </c>
      <c r="C18" s="21" t="s">
        <v>108</v>
      </c>
      <c r="D18" s="87" t="s">
        <v>109</v>
      </c>
      <c r="E18" s="87" t="s">
        <v>195</v>
      </c>
    </row>
    <row r="19" spans="1:6" ht="31.5" customHeight="1" x14ac:dyDescent="0.3">
      <c r="A19" s="131" t="s">
        <v>47</v>
      </c>
      <c r="B19" s="20" t="s">
        <v>41</v>
      </c>
      <c r="C19" s="21" t="s">
        <v>169</v>
      </c>
      <c r="D19" s="87" t="s">
        <v>30</v>
      </c>
      <c r="E19" s="87" t="s">
        <v>195</v>
      </c>
    </row>
    <row r="20" spans="1:6" ht="31.5" customHeight="1" x14ac:dyDescent="0.3">
      <c r="A20" s="131"/>
      <c r="B20" s="20" t="s">
        <v>42</v>
      </c>
      <c r="C20" s="21" t="s">
        <v>170</v>
      </c>
      <c r="D20" s="87" t="s">
        <v>30</v>
      </c>
      <c r="E20" s="87" t="s">
        <v>195</v>
      </c>
    </row>
    <row r="21" spans="1:6" ht="31.5" customHeight="1" x14ac:dyDescent="0.3">
      <c r="A21" s="131"/>
      <c r="B21" s="20" t="s">
        <v>43</v>
      </c>
      <c r="C21" s="21" t="s">
        <v>44</v>
      </c>
      <c r="D21" s="87" t="s">
        <v>30</v>
      </c>
      <c r="E21" s="87" t="s">
        <v>195</v>
      </c>
    </row>
    <row r="22" spans="1:6" ht="31.5" customHeight="1" x14ac:dyDescent="0.3">
      <c r="A22" s="131"/>
      <c r="B22" s="20" t="s">
        <v>45</v>
      </c>
      <c r="C22" s="21" t="s">
        <v>174</v>
      </c>
      <c r="D22" s="87" t="s">
        <v>274</v>
      </c>
      <c r="E22" s="87" t="s">
        <v>195</v>
      </c>
    </row>
    <row r="23" spans="1:6" ht="31.5" customHeight="1" x14ac:dyDescent="0.3">
      <c r="A23" s="122"/>
      <c r="B23" s="120"/>
      <c r="C23" s="14"/>
      <c r="D23" s="121"/>
      <c r="E23" s="121"/>
    </row>
    <row r="24" spans="1:6" ht="14.4" thickBot="1" x14ac:dyDescent="0.35">
      <c r="B24" s="130" t="s">
        <v>270</v>
      </c>
      <c r="C24" s="130"/>
      <c r="D24" s="130"/>
    </row>
    <row r="25" spans="1:6" ht="14.4" thickBot="1" x14ac:dyDescent="0.35">
      <c r="B25" s="165"/>
      <c r="C25" s="165"/>
      <c r="D25" s="175" t="s">
        <v>234</v>
      </c>
      <c r="E25" s="176"/>
      <c r="F25" s="177"/>
    </row>
    <row r="26" spans="1:6" ht="24.6" thickBot="1" x14ac:dyDescent="0.35">
      <c r="B26" s="166" t="s">
        <v>235</v>
      </c>
      <c r="C26" s="167" t="s">
        <v>236</v>
      </c>
      <c r="D26" s="168" t="s">
        <v>237</v>
      </c>
      <c r="E26" s="168" t="s">
        <v>238</v>
      </c>
      <c r="F26" s="168" t="s">
        <v>239</v>
      </c>
    </row>
    <row r="27" spans="1:6" ht="23.4" thickBot="1" x14ac:dyDescent="0.35">
      <c r="B27" s="169" t="s">
        <v>283</v>
      </c>
      <c r="C27" s="170" t="s">
        <v>240</v>
      </c>
      <c r="D27" s="171" t="s">
        <v>241</v>
      </c>
      <c r="E27" s="171" t="s">
        <v>241</v>
      </c>
      <c r="F27" s="171" t="s">
        <v>241</v>
      </c>
    </row>
    <row r="28" spans="1:6" ht="19.8" customHeight="1" thickBot="1" x14ac:dyDescent="0.35">
      <c r="B28" s="179" t="s">
        <v>284</v>
      </c>
      <c r="C28" s="171" t="s">
        <v>281</v>
      </c>
      <c r="D28" s="171" t="s">
        <v>285</v>
      </c>
      <c r="E28" s="171" t="s">
        <v>242</v>
      </c>
      <c r="F28" s="171" t="s">
        <v>242</v>
      </c>
    </row>
    <row r="29" spans="1:6" ht="14.4" thickBot="1" x14ac:dyDescent="0.35">
      <c r="B29" s="180"/>
      <c r="C29" s="171" t="s">
        <v>243</v>
      </c>
      <c r="D29" s="171" t="s">
        <v>241</v>
      </c>
      <c r="E29" s="171" t="s">
        <v>242</v>
      </c>
      <c r="F29" s="171" t="s">
        <v>242</v>
      </c>
    </row>
    <row r="30" spans="1:6" ht="14.4" thickBot="1" x14ac:dyDescent="0.35">
      <c r="B30" s="179" t="s">
        <v>286</v>
      </c>
      <c r="C30" s="171" t="s">
        <v>282</v>
      </c>
      <c r="D30" s="171" t="s">
        <v>241</v>
      </c>
      <c r="E30" s="171" t="s">
        <v>242</v>
      </c>
      <c r="F30" s="171" t="s">
        <v>242</v>
      </c>
    </row>
    <row r="31" spans="1:6" ht="14.4" thickBot="1" x14ac:dyDescent="0.35">
      <c r="B31" s="178"/>
      <c r="C31" s="171" t="s">
        <v>244</v>
      </c>
      <c r="D31" s="171" t="s">
        <v>241</v>
      </c>
      <c r="E31" s="171" t="s">
        <v>242</v>
      </c>
      <c r="F31" s="171" t="s">
        <v>242</v>
      </c>
    </row>
    <row r="32" spans="1:6" ht="14.4" thickBot="1" x14ac:dyDescent="0.35">
      <c r="B32" s="178"/>
      <c r="C32" s="171" t="s">
        <v>245</v>
      </c>
      <c r="D32" s="171" t="s">
        <v>241</v>
      </c>
      <c r="E32" s="171" t="s">
        <v>242</v>
      </c>
      <c r="F32" s="171" t="s">
        <v>242</v>
      </c>
    </row>
    <row r="33" spans="2:6" ht="14.4" thickBot="1" x14ac:dyDescent="0.35">
      <c r="B33" s="178"/>
      <c r="C33" s="171" t="s">
        <v>246</v>
      </c>
      <c r="D33" s="171" t="s">
        <v>241</v>
      </c>
      <c r="E33" s="171" t="s">
        <v>242</v>
      </c>
      <c r="F33" s="171" t="s">
        <v>242</v>
      </c>
    </row>
    <row r="34" spans="2:6" ht="14.4" thickBot="1" x14ac:dyDescent="0.35">
      <c r="B34" s="178"/>
      <c r="C34" s="171" t="s">
        <v>247</v>
      </c>
      <c r="D34" s="171" t="s">
        <v>241</v>
      </c>
      <c r="E34" s="171" t="s">
        <v>242</v>
      </c>
      <c r="F34" s="171" t="s">
        <v>242</v>
      </c>
    </row>
    <row r="35" spans="2:6" ht="14.4" thickBot="1" x14ac:dyDescent="0.35">
      <c r="B35" s="178"/>
      <c r="C35" s="171" t="s">
        <v>248</v>
      </c>
      <c r="D35" s="171" t="s">
        <v>241</v>
      </c>
      <c r="E35" s="171" t="s">
        <v>242</v>
      </c>
      <c r="F35" s="171" t="s">
        <v>242</v>
      </c>
    </row>
    <row r="36" spans="2:6" ht="14.4" thickBot="1" x14ac:dyDescent="0.35">
      <c r="B36" s="178"/>
      <c r="C36" s="172" t="s">
        <v>264</v>
      </c>
      <c r="D36" s="171" t="s">
        <v>241</v>
      </c>
      <c r="E36" s="171" t="s">
        <v>242</v>
      </c>
      <c r="F36" s="171" t="s">
        <v>242</v>
      </c>
    </row>
    <row r="37" spans="2:6" ht="14.4" thickBot="1" x14ac:dyDescent="0.35">
      <c r="B37" s="178"/>
      <c r="C37" s="172" t="s">
        <v>249</v>
      </c>
      <c r="D37" s="171" t="s">
        <v>241</v>
      </c>
      <c r="E37" s="171" t="s">
        <v>242</v>
      </c>
      <c r="F37" s="171" t="s">
        <v>242</v>
      </c>
    </row>
    <row r="38" spans="2:6" ht="14.4" thickBot="1" x14ac:dyDescent="0.35">
      <c r="B38" s="178"/>
      <c r="C38" s="172" t="s">
        <v>250</v>
      </c>
      <c r="D38" s="171" t="s">
        <v>241</v>
      </c>
      <c r="E38" s="171" t="s">
        <v>242</v>
      </c>
      <c r="F38" s="171" t="s">
        <v>242</v>
      </c>
    </row>
    <row r="39" spans="2:6" ht="14.4" thickBot="1" x14ac:dyDescent="0.35">
      <c r="B39" s="178"/>
      <c r="C39" s="172" t="s">
        <v>251</v>
      </c>
      <c r="D39" s="171" t="s">
        <v>241</v>
      </c>
      <c r="E39" s="171" t="s">
        <v>242</v>
      </c>
      <c r="F39" s="171" t="s">
        <v>242</v>
      </c>
    </row>
    <row r="40" spans="2:6" ht="14.4" thickBot="1" x14ac:dyDescent="0.35">
      <c r="B40" s="178"/>
      <c r="C40" s="171" t="s">
        <v>252</v>
      </c>
      <c r="D40" s="171" t="s">
        <v>241</v>
      </c>
      <c r="E40" s="171" t="s">
        <v>242</v>
      </c>
      <c r="F40" s="171" t="s">
        <v>242</v>
      </c>
    </row>
    <row r="41" spans="2:6" ht="14.4" thickBot="1" x14ac:dyDescent="0.35">
      <c r="B41" s="178"/>
      <c r="C41" s="171" t="s">
        <v>253</v>
      </c>
      <c r="D41" s="171" t="s">
        <v>241</v>
      </c>
      <c r="E41" s="171" t="s">
        <v>241</v>
      </c>
      <c r="F41" s="171" t="s">
        <v>241</v>
      </c>
    </row>
    <row r="42" spans="2:6" ht="14.4" thickBot="1" x14ac:dyDescent="0.35">
      <c r="B42" s="178"/>
      <c r="C42" s="171" t="s">
        <v>254</v>
      </c>
      <c r="D42" s="171" t="s">
        <v>241</v>
      </c>
      <c r="E42" s="171" t="s">
        <v>241</v>
      </c>
      <c r="F42" s="171" t="s">
        <v>241</v>
      </c>
    </row>
    <row r="43" spans="2:6" ht="14.4" thickBot="1" x14ac:dyDescent="0.35">
      <c r="B43" s="178"/>
      <c r="C43" s="171" t="s">
        <v>255</v>
      </c>
      <c r="D43" s="171" t="s">
        <v>241</v>
      </c>
      <c r="E43" s="171" t="s">
        <v>241</v>
      </c>
      <c r="F43" s="171" t="s">
        <v>241</v>
      </c>
    </row>
    <row r="44" spans="2:6" ht="14.4" thickBot="1" x14ac:dyDescent="0.35">
      <c r="B44" s="178"/>
      <c r="C44" s="171" t="s">
        <v>275</v>
      </c>
      <c r="D44" s="171" t="s">
        <v>241</v>
      </c>
      <c r="E44" s="171" t="s">
        <v>241</v>
      </c>
      <c r="F44" s="171" t="s">
        <v>241</v>
      </c>
    </row>
    <row r="45" spans="2:6" ht="14.4" thickBot="1" x14ac:dyDescent="0.35">
      <c r="B45" s="178"/>
      <c r="C45" s="171" t="s">
        <v>256</v>
      </c>
      <c r="D45" s="171" t="s">
        <v>241</v>
      </c>
      <c r="E45" s="171" t="s">
        <v>242</v>
      </c>
      <c r="F45" s="171" t="s">
        <v>242</v>
      </c>
    </row>
    <row r="46" spans="2:6" ht="14.4" thickBot="1" x14ac:dyDescent="0.35">
      <c r="B46" s="178"/>
      <c r="C46" s="171" t="s">
        <v>257</v>
      </c>
      <c r="D46" s="171" t="s">
        <v>241</v>
      </c>
      <c r="E46" s="171" t="s">
        <v>242</v>
      </c>
      <c r="F46" s="171" t="s">
        <v>242</v>
      </c>
    </row>
    <row r="47" spans="2:6" ht="14.4" thickBot="1" x14ac:dyDescent="0.35">
      <c r="B47" s="178"/>
      <c r="C47" s="171" t="s">
        <v>258</v>
      </c>
      <c r="D47" s="171" t="s">
        <v>241</v>
      </c>
      <c r="E47" s="171" t="s">
        <v>241</v>
      </c>
      <c r="F47" s="171" t="s">
        <v>242</v>
      </c>
    </row>
    <row r="48" spans="2:6" ht="14.4" thickBot="1" x14ac:dyDescent="0.35">
      <c r="B48" s="178"/>
      <c r="C48" s="171" t="s">
        <v>259</v>
      </c>
      <c r="D48" s="171" t="s">
        <v>241</v>
      </c>
      <c r="E48" s="171" t="s">
        <v>241</v>
      </c>
      <c r="F48" s="171" t="s">
        <v>242</v>
      </c>
    </row>
    <row r="49" spans="2:6" ht="14.4" thickBot="1" x14ac:dyDescent="0.35">
      <c r="B49" s="178"/>
      <c r="C49" s="171" t="s">
        <v>260</v>
      </c>
      <c r="D49" s="171" t="s">
        <v>241</v>
      </c>
      <c r="E49" s="171" t="s">
        <v>241</v>
      </c>
      <c r="F49" s="171" t="s">
        <v>242</v>
      </c>
    </row>
    <row r="50" spans="2:6" ht="14.4" thickBot="1" x14ac:dyDescent="0.35">
      <c r="B50" s="178"/>
      <c r="C50" s="173" t="s">
        <v>261</v>
      </c>
      <c r="D50" s="174" t="s">
        <v>241</v>
      </c>
      <c r="E50" s="171" t="s">
        <v>241</v>
      </c>
      <c r="F50" s="171" t="s">
        <v>242</v>
      </c>
    </row>
    <row r="51" spans="2:6" ht="14.4" thickBot="1" x14ac:dyDescent="0.35">
      <c r="B51" s="178"/>
      <c r="C51" s="173" t="s">
        <v>287</v>
      </c>
      <c r="D51" s="174" t="s">
        <v>241</v>
      </c>
      <c r="E51" s="171" t="s">
        <v>242</v>
      </c>
      <c r="F51" s="171" t="s">
        <v>242</v>
      </c>
    </row>
    <row r="52" spans="2:6" ht="14.4" thickBot="1" x14ac:dyDescent="0.35">
      <c r="B52" s="178"/>
      <c r="C52" s="173" t="s">
        <v>262</v>
      </c>
      <c r="D52" s="174" t="s">
        <v>241</v>
      </c>
      <c r="E52" s="171" t="s">
        <v>241</v>
      </c>
      <c r="F52" s="171" t="s">
        <v>242</v>
      </c>
    </row>
    <row r="53" spans="2:6" ht="14.4" thickBot="1" x14ac:dyDescent="0.35">
      <c r="B53" s="180"/>
      <c r="C53" s="173" t="s">
        <v>263</v>
      </c>
      <c r="D53" s="174" t="s">
        <v>241</v>
      </c>
      <c r="E53" s="171" t="s">
        <v>242</v>
      </c>
      <c r="F53" s="171" t="s">
        <v>242</v>
      </c>
    </row>
    <row r="54" spans="2:6" ht="31.2" customHeight="1" thickBot="1" x14ac:dyDescent="0.35">
      <c r="B54" s="179" t="s">
        <v>288</v>
      </c>
      <c r="C54" s="171" t="s">
        <v>265</v>
      </c>
      <c r="D54" s="171" t="s">
        <v>241</v>
      </c>
      <c r="E54" s="171" t="s">
        <v>241</v>
      </c>
      <c r="F54" s="171" t="s">
        <v>241</v>
      </c>
    </row>
    <row r="55" spans="2:6" ht="14.4" thickBot="1" x14ac:dyDescent="0.35">
      <c r="B55" s="180"/>
      <c r="C55" s="171" t="s">
        <v>266</v>
      </c>
      <c r="D55" s="171" t="s">
        <v>241</v>
      </c>
      <c r="E55" s="171" t="s">
        <v>241</v>
      </c>
      <c r="F55" s="171" t="s">
        <v>241</v>
      </c>
    </row>
    <row r="56" spans="2:6" ht="16.8" customHeight="1" thickBot="1" x14ac:dyDescent="0.35">
      <c r="B56" s="179" t="s">
        <v>289</v>
      </c>
      <c r="C56" s="171" t="s">
        <v>267</v>
      </c>
      <c r="D56" s="171" t="s">
        <v>241</v>
      </c>
      <c r="E56" s="171" t="s">
        <v>241</v>
      </c>
      <c r="F56" s="171" t="s">
        <v>241</v>
      </c>
    </row>
    <row r="57" spans="2:6" ht="14.4" thickBot="1" x14ac:dyDescent="0.35">
      <c r="B57" s="178"/>
      <c r="C57" s="171" t="s">
        <v>268</v>
      </c>
      <c r="D57" s="171" t="s">
        <v>241</v>
      </c>
      <c r="E57" s="171" t="s">
        <v>242</v>
      </c>
      <c r="F57" s="171" t="s">
        <v>242</v>
      </c>
    </row>
    <row r="58" spans="2:6" ht="14.4" thickBot="1" x14ac:dyDescent="0.35">
      <c r="B58" s="180"/>
      <c r="C58" s="171" t="s">
        <v>269</v>
      </c>
      <c r="D58" s="171" t="s">
        <v>241</v>
      </c>
      <c r="E58" s="171" t="s">
        <v>241</v>
      </c>
      <c r="F58" s="171" t="s">
        <v>242</v>
      </c>
    </row>
  </sheetData>
  <mergeCells count="9">
    <mergeCell ref="B56:B58"/>
    <mergeCell ref="B24:D24"/>
    <mergeCell ref="B1:D1"/>
    <mergeCell ref="A19:A22"/>
    <mergeCell ref="A5:A18"/>
    <mergeCell ref="D25:F25"/>
    <mergeCell ref="B28:B29"/>
    <mergeCell ref="B30:B53"/>
    <mergeCell ref="B54:B55"/>
  </mergeCells>
  <phoneticPr fontId="21" type="noConversion"/>
  <printOptions horizontalCentered="1" verticalCentered="1"/>
  <pageMargins left="0.78740157480314965" right="0.78740157480314965" top="0.15748031496062992" bottom="0.51181102362204722" header="0" footer="0"/>
  <pageSetup paperSize="9" scale="82" orientation="portrait" copies="4" r:id="rId1"/>
  <headerFooter alignWithMargins="0">
    <oddFooter>&amp;C&amp;8SEGURO VEHICULAR TODO RIESGO EMPRESAS - LIMA - MAYO 2013&amp;R&amp;8&amp;P</oddFooter>
  </headerFooter>
  <extLst>
    <ext xmlns:mx="http://schemas.microsoft.com/office/mac/excel/2008/main" uri="{64002731-A6B0-56B0-2670-7721B7C09600}">
      <mx:PLV Mode="0" OnePage="0" WScale="0"/>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9">
    <pageSetUpPr fitToPage="1"/>
  </sheetPr>
  <dimension ref="A3:IV154"/>
  <sheetViews>
    <sheetView showGridLines="0" workbookViewId="0">
      <selection activeCell="B28" sqref="B2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9" t="s">
        <v>60</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45" t="s">
        <v>6</v>
      </c>
      <c r="I10" s="28"/>
      <c r="O10" s="36" t="s">
        <v>7</v>
      </c>
    </row>
    <row r="11" spans="1:16" x14ac:dyDescent="0.25">
      <c r="A11" s="26" t="s">
        <v>5</v>
      </c>
      <c r="B11" s="45" t="s">
        <v>8</v>
      </c>
      <c r="I11" s="28"/>
      <c r="O11" s="40">
        <v>50000</v>
      </c>
    </row>
    <row r="12" spans="1:16" x14ac:dyDescent="0.25">
      <c r="A12" s="26" t="s">
        <v>5</v>
      </c>
      <c r="B12" s="45" t="s">
        <v>77</v>
      </c>
      <c r="I12" s="28"/>
      <c r="J12" s="28"/>
      <c r="O12" s="40"/>
      <c r="P12" s="26"/>
    </row>
    <row r="13" spans="1:16" x14ac:dyDescent="0.25">
      <c r="B13" s="44" t="s">
        <v>10</v>
      </c>
      <c r="I13" s="28"/>
      <c r="J13" s="28"/>
      <c r="O13" s="40">
        <v>10000</v>
      </c>
      <c r="P13" s="45" t="s">
        <v>9</v>
      </c>
    </row>
    <row r="14" spans="1:16" x14ac:dyDescent="0.25">
      <c r="B14" s="44" t="s">
        <v>11</v>
      </c>
      <c r="I14" s="28"/>
      <c r="J14" s="28"/>
      <c r="O14" s="40">
        <v>10000</v>
      </c>
      <c r="P14" s="45" t="s">
        <v>9</v>
      </c>
    </row>
    <row r="15" spans="1:16" x14ac:dyDescent="0.25">
      <c r="B15" s="44" t="s">
        <v>12</v>
      </c>
      <c r="I15" s="28"/>
      <c r="J15" s="28"/>
      <c r="O15" s="40">
        <v>1000</v>
      </c>
      <c r="P15" s="45" t="s">
        <v>9</v>
      </c>
    </row>
    <row r="16" spans="1:16" ht="12" customHeight="1" x14ac:dyDescent="0.25">
      <c r="A16" s="41" t="s">
        <v>5</v>
      </c>
      <c r="B16" s="138" t="s">
        <v>13</v>
      </c>
      <c r="C16" s="138"/>
      <c r="D16" s="138"/>
      <c r="E16" s="138"/>
      <c r="F16" s="138"/>
      <c r="G16" s="138"/>
      <c r="H16" s="138"/>
      <c r="I16" s="138"/>
      <c r="J16" s="138"/>
      <c r="K16" s="138"/>
      <c r="L16" s="138"/>
      <c r="O16" s="40">
        <v>1000</v>
      </c>
    </row>
    <row r="17" spans="1:16" x14ac:dyDescent="0.25">
      <c r="A17" s="26" t="s">
        <v>5</v>
      </c>
      <c r="B17" s="45" t="s">
        <v>14</v>
      </c>
      <c r="I17" s="28"/>
      <c r="O17" s="36" t="s">
        <v>7</v>
      </c>
    </row>
    <row r="18" spans="1:16" x14ac:dyDescent="0.25">
      <c r="A18" s="26" t="s">
        <v>5</v>
      </c>
      <c r="B18" s="45" t="s">
        <v>15</v>
      </c>
      <c r="I18" s="28"/>
      <c r="O18" s="36" t="s">
        <v>7</v>
      </c>
    </row>
    <row r="19" spans="1:16" x14ac:dyDescent="0.25">
      <c r="A19" s="26" t="s">
        <v>5</v>
      </c>
      <c r="B19" s="141" t="s">
        <v>34</v>
      </c>
      <c r="C19" s="141"/>
      <c r="D19" s="141"/>
      <c r="E19" s="141"/>
      <c r="F19" s="141"/>
      <c r="G19" s="141"/>
      <c r="H19" s="141"/>
      <c r="I19" s="141"/>
      <c r="J19" s="141"/>
      <c r="K19" s="141"/>
      <c r="L19" s="141"/>
      <c r="M19" s="141"/>
      <c r="O19" s="36" t="s">
        <v>7</v>
      </c>
    </row>
    <row r="20" spans="1:16" x14ac:dyDescent="0.25">
      <c r="A20" s="41" t="s">
        <v>5</v>
      </c>
      <c r="B20" s="134" t="s">
        <v>91</v>
      </c>
      <c r="C20" s="134"/>
      <c r="D20" s="134"/>
      <c r="E20" s="134"/>
      <c r="F20" s="134"/>
      <c r="G20" s="134"/>
      <c r="H20" s="134"/>
      <c r="I20" s="134"/>
      <c r="J20" s="134"/>
      <c r="K20" s="134"/>
      <c r="L20" s="134"/>
      <c r="M20" s="134"/>
      <c r="N20" s="46"/>
      <c r="O20" s="42">
        <v>50000</v>
      </c>
    </row>
    <row r="21" spans="1:16" x14ac:dyDescent="0.25">
      <c r="A21" s="26" t="s">
        <v>5</v>
      </c>
      <c r="B21" s="45" t="s">
        <v>16</v>
      </c>
      <c r="I21" s="28"/>
      <c r="O21" s="36" t="s">
        <v>7</v>
      </c>
    </row>
    <row r="23" spans="1:16" ht="12" customHeight="1" x14ac:dyDescent="0.25">
      <c r="A23" s="137" t="s">
        <v>17</v>
      </c>
      <c r="B23" s="137"/>
      <c r="C23" s="137"/>
      <c r="D23" s="137"/>
      <c r="E23" s="137"/>
      <c r="F23" s="137"/>
      <c r="G23" s="137"/>
      <c r="H23" s="137"/>
      <c r="I23" s="137"/>
      <c r="J23" s="137"/>
      <c r="K23" s="137"/>
      <c r="L23" s="137"/>
      <c r="M23" s="137"/>
      <c r="N23" s="137"/>
      <c r="O23" s="137"/>
      <c r="P23" s="137"/>
    </row>
    <row r="24" spans="1:16" x14ac:dyDescent="0.25">
      <c r="A24" s="26" t="s">
        <v>5</v>
      </c>
      <c r="B24" s="45" t="s">
        <v>18</v>
      </c>
      <c r="I24" s="28"/>
      <c r="O24" s="47">
        <v>250</v>
      </c>
    </row>
    <row r="25" spans="1:16" x14ac:dyDescent="0.25">
      <c r="A25" s="26" t="s">
        <v>5</v>
      </c>
      <c r="B25" s="45" t="s">
        <v>126</v>
      </c>
      <c r="I25" s="28"/>
      <c r="O25" s="50" t="s">
        <v>82</v>
      </c>
    </row>
    <row r="26" spans="1:16" x14ac:dyDescent="0.25">
      <c r="A26" s="41" t="s">
        <v>5</v>
      </c>
      <c r="B26" s="152" t="s">
        <v>127</v>
      </c>
      <c r="C26" s="152"/>
      <c r="D26" s="152"/>
      <c r="E26" s="152"/>
      <c r="F26" s="152"/>
      <c r="G26" s="152"/>
      <c r="H26" s="152"/>
      <c r="I26" s="152"/>
      <c r="J26" s="152"/>
      <c r="K26" s="152"/>
      <c r="L26" s="152"/>
      <c r="M26" s="152"/>
      <c r="N26" s="51"/>
      <c r="O26" s="73" t="s">
        <v>82</v>
      </c>
      <c r="P26" s="51"/>
    </row>
    <row r="27" spans="1:16" ht="12" customHeight="1" x14ac:dyDescent="0.25">
      <c r="A27" s="41" t="s">
        <v>5</v>
      </c>
      <c r="B27" s="148" t="s">
        <v>128</v>
      </c>
      <c r="C27" s="148"/>
      <c r="D27" s="148"/>
      <c r="E27" s="148"/>
      <c r="F27" s="148"/>
      <c r="G27" s="148"/>
      <c r="H27" s="148"/>
      <c r="I27" s="148"/>
      <c r="J27" s="148"/>
      <c r="K27" s="148"/>
      <c r="L27" s="148"/>
      <c r="M27" s="148"/>
      <c r="N27" s="84"/>
      <c r="O27" s="73" t="s">
        <v>82</v>
      </c>
      <c r="P27" s="84"/>
    </row>
    <row r="28" spans="1:16" x14ac:dyDescent="0.25">
      <c r="A28" s="36"/>
      <c r="B28" s="68" t="s">
        <v>280</v>
      </c>
      <c r="C28" s="50"/>
      <c r="D28" s="50"/>
      <c r="E28" s="50"/>
      <c r="F28" s="50"/>
      <c r="G28" s="50"/>
      <c r="H28" s="50"/>
      <c r="I28" s="49"/>
      <c r="J28" s="50"/>
      <c r="K28" s="49"/>
      <c r="L28" s="49"/>
      <c r="M28" s="49"/>
      <c r="N28" s="51"/>
      <c r="O28" s="51"/>
      <c r="P28" s="51"/>
    </row>
    <row r="29" spans="1:16" x14ac:dyDescent="0.25">
      <c r="I29" s="48"/>
    </row>
    <row r="30" spans="1:16" ht="12" customHeight="1" x14ac:dyDescent="0.25">
      <c r="A30" s="137" t="s">
        <v>20</v>
      </c>
      <c r="B30" s="137"/>
      <c r="C30" s="137"/>
      <c r="D30" s="137"/>
      <c r="E30" s="137"/>
      <c r="F30" s="137"/>
      <c r="G30" s="137"/>
      <c r="H30" s="137"/>
      <c r="I30" s="137"/>
      <c r="J30" s="137"/>
      <c r="K30" s="137"/>
      <c r="L30" s="137"/>
      <c r="M30" s="137"/>
      <c r="N30" s="137"/>
      <c r="O30" s="137"/>
      <c r="P30" s="137"/>
    </row>
    <row r="31" spans="1:16" ht="12" customHeight="1" x14ac:dyDescent="0.25">
      <c r="A31" s="41" t="s">
        <v>5</v>
      </c>
      <c r="B31" s="138" t="s">
        <v>87</v>
      </c>
      <c r="C31" s="138"/>
      <c r="D31" s="138"/>
      <c r="E31" s="138"/>
      <c r="F31" s="138"/>
      <c r="G31" s="138"/>
      <c r="H31" s="138"/>
      <c r="I31" s="138"/>
      <c r="J31" s="138"/>
      <c r="K31" s="138"/>
      <c r="L31" s="138"/>
      <c r="M31" s="138"/>
      <c r="N31" s="113"/>
    </row>
    <row r="32" spans="1:16" ht="12" customHeight="1" x14ac:dyDescent="0.25">
      <c r="A32" s="41" t="s">
        <v>5</v>
      </c>
      <c r="B32" s="138" t="s">
        <v>222</v>
      </c>
      <c r="C32" s="138"/>
      <c r="D32" s="138"/>
      <c r="E32" s="138"/>
      <c r="F32" s="138"/>
      <c r="G32" s="138"/>
      <c r="H32" s="138"/>
      <c r="I32" s="138"/>
      <c r="J32" s="138"/>
      <c r="K32" s="138"/>
      <c r="L32" s="138"/>
      <c r="M32" s="138"/>
      <c r="N32" s="138"/>
      <c r="O32" s="138"/>
      <c r="P32" s="138"/>
    </row>
    <row r="33" spans="1:16" ht="12" customHeight="1" x14ac:dyDescent="0.25">
      <c r="A33" s="26" t="s">
        <v>5</v>
      </c>
      <c r="B33" s="138" t="s">
        <v>223</v>
      </c>
      <c r="C33" s="138"/>
      <c r="D33" s="138"/>
      <c r="E33" s="138"/>
      <c r="F33" s="138"/>
      <c r="G33" s="138"/>
      <c r="H33" s="138"/>
      <c r="I33" s="138"/>
      <c r="J33" s="138"/>
      <c r="K33" s="138"/>
      <c r="L33" s="138"/>
      <c r="M33" s="138"/>
      <c r="N33" s="138"/>
      <c r="O33" s="138"/>
      <c r="P33" s="138"/>
    </row>
    <row r="34" spans="1:16" x14ac:dyDescent="0.25">
      <c r="A34" s="26" t="s">
        <v>5</v>
      </c>
      <c r="B34" s="141" t="s">
        <v>79</v>
      </c>
      <c r="C34" s="141"/>
      <c r="D34" s="141"/>
      <c r="E34" s="141"/>
      <c r="F34" s="141"/>
      <c r="G34" s="141"/>
      <c r="H34" s="141"/>
      <c r="I34" s="141"/>
      <c r="J34" s="141"/>
      <c r="K34" s="141"/>
      <c r="L34" s="141"/>
      <c r="M34" s="141"/>
      <c r="N34" s="141"/>
      <c r="O34" s="141"/>
      <c r="P34" s="141"/>
    </row>
    <row r="35" spans="1:16" ht="26.25" customHeight="1" x14ac:dyDescent="0.25">
      <c r="A35" s="41" t="s">
        <v>5</v>
      </c>
      <c r="B35" s="144" t="s">
        <v>147</v>
      </c>
      <c r="C35" s="144"/>
      <c r="D35" s="144"/>
      <c r="E35" s="144"/>
      <c r="F35" s="144"/>
      <c r="G35" s="144"/>
      <c r="H35" s="144"/>
      <c r="I35" s="144"/>
      <c r="J35" s="144"/>
      <c r="K35" s="144"/>
      <c r="L35" s="144"/>
      <c r="M35" s="144"/>
      <c r="N35" s="144"/>
      <c r="O35" s="144"/>
      <c r="P35" s="144"/>
    </row>
    <row r="36" spans="1:16" x14ac:dyDescent="0.25">
      <c r="A36" s="41" t="s">
        <v>5</v>
      </c>
      <c r="B36" s="142" t="s">
        <v>76</v>
      </c>
      <c r="C36" s="142"/>
      <c r="D36" s="142"/>
      <c r="E36" s="142"/>
      <c r="F36" s="142"/>
      <c r="G36" s="142"/>
      <c r="H36" s="142"/>
      <c r="I36" s="142"/>
      <c r="J36" s="142"/>
      <c r="K36" s="142"/>
      <c r="L36" s="142"/>
      <c r="M36" s="142"/>
      <c r="N36" s="142"/>
      <c r="O36" s="142"/>
      <c r="P36" s="142"/>
    </row>
    <row r="37" spans="1:16" x14ac:dyDescent="0.25">
      <c r="A37" s="26" t="s">
        <v>5</v>
      </c>
      <c r="B37" s="69" t="s">
        <v>48</v>
      </c>
      <c r="C37" s="63"/>
      <c r="D37" s="63"/>
      <c r="E37" s="63"/>
      <c r="F37" s="63"/>
      <c r="G37" s="63"/>
      <c r="H37" s="63"/>
      <c r="I37" s="63"/>
      <c r="J37" s="63"/>
      <c r="K37" s="70"/>
      <c r="L37" s="70"/>
      <c r="M37" s="70"/>
      <c r="N37" s="70"/>
      <c r="O37" s="70"/>
      <c r="P37" s="70"/>
    </row>
    <row r="38" spans="1:16" x14ac:dyDescent="0.25">
      <c r="A38" s="26" t="s">
        <v>5</v>
      </c>
      <c r="B38" s="71" t="s">
        <v>26</v>
      </c>
      <c r="C38" s="72"/>
      <c r="D38" s="72"/>
      <c r="E38" s="72"/>
      <c r="F38" s="72"/>
      <c r="G38" s="72"/>
      <c r="H38" s="72"/>
      <c r="I38" s="72"/>
      <c r="J38" s="72"/>
      <c r="K38" s="53"/>
      <c r="L38" s="53"/>
      <c r="M38" s="53"/>
      <c r="N38" s="53"/>
      <c r="O38" s="53"/>
      <c r="P38" s="53"/>
    </row>
    <row r="39" spans="1:16" x14ac:dyDescent="0.25">
      <c r="A39" s="26" t="s">
        <v>5</v>
      </c>
      <c r="B39" s="45" t="s">
        <v>49</v>
      </c>
      <c r="C39" s="1"/>
      <c r="D39" s="72"/>
      <c r="E39" s="72"/>
      <c r="F39" s="72"/>
      <c r="G39" s="72"/>
      <c r="H39" s="72"/>
      <c r="I39" s="72"/>
      <c r="J39" s="72"/>
      <c r="K39" s="53"/>
      <c r="L39" s="53"/>
      <c r="M39" s="53"/>
      <c r="N39" s="53"/>
      <c r="O39" s="53"/>
      <c r="P39" s="53"/>
    </row>
    <row r="40" spans="1:16" x14ac:dyDescent="0.25">
      <c r="A40" s="26" t="s">
        <v>5</v>
      </c>
      <c r="B40" s="45" t="s">
        <v>148</v>
      </c>
      <c r="C40" s="1"/>
      <c r="D40" s="72"/>
      <c r="E40" s="72"/>
      <c r="F40" s="72"/>
      <c r="G40" s="72"/>
      <c r="H40" s="72"/>
      <c r="I40" s="72"/>
      <c r="J40" s="72"/>
      <c r="K40" s="53"/>
      <c r="L40" s="53"/>
      <c r="M40" s="53"/>
      <c r="N40" s="53"/>
      <c r="O40" s="53"/>
      <c r="P40" s="53"/>
    </row>
    <row r="42" spans="1:16" x14ac:dyDescent="0.25">
      <c r="A42" s="45"/>
      <c r="B42" s="141" t="s">
        <v>21</v>
      </c>
      <c r="C42" s="141"/>
      <c r="D42" s="141"/>
      <c r="E42" s="141"/>
      <c r="F42" s="141"/>
      <c r="G42" s="141"/>
      <c r="H42" s="141"/>
      <c r="I42" s="141"/>
      <c r="J42" s="141"/>
      <c r="K42" s="141"/>
      <c r="L42" s="141"/>
      <c r="M42" s="141"/>
      <c r="N42" s="141"/>
      <c r="O42" s="141"/>
      <c r="P42" s="141"/>
    </row>
    <row r="43" spans="1:16" ht="25.5" customHeight="1" x14ac:dyDescent="0.25">
      <c r="A43" s="93"/>
      <c r="B43" s="139" t="s">
        <v>197</v>
      </c>
      <c r="C43" s="138"/>
      <c r="D43" s="138"/>
      <c r="E43" s="138"/>
      <c r="F43" s="138"/>
      <c r="G43" s="138"/>
      <c r="H43" s="138"/>
      <c r="I43" s="138"/>
      <c r="J43" s="138"/>
      <c r="K43" s="138"/>
      <c r="L43" s="138"/>
      <c r="M43" s="138"/>
      <c r="N43" s="138"/>
      <c r="O43" s="138"/>
      <c r="P43" s="138"/>
    </row>
    <row r="44" spans="1:16" ht="13.5" customHeight="1" x14ac:dyDescent="0.25"/>
    <row r="45" spans="1:16" ht="11.25" customHeight="1" x14ac:dyDescent="0.25">
      <c r="A45" s="137" t="s">
        <v>62</v>
      </c>
      <c r="B45" s="137"/>
      <c r="C45" s="137"/>
      <c r="D45" s="137"/>
      <c r="E45" s="137"/>
      <c r="F45" s="137"/>
      <c r="G45" s="137"/>
      <c r="H45" s="137"/>
      <c r="I45" s="137"/>
      <c r="J45" s="137"/>
      <c r="K45" s="137"/>
      <c r="L45" s="137"/>
      <c r="M45" s="137"/>
      <c r="N45" s="137"/>
      <c r="O45" s="137"/>
      <c r="P45" s="137"/>
    </row>
    <row r="46" spans="1:16" s="53" customFormat="1" x14ac:dyDescent="0.25">
      <c r="A46" s="41" t="s">
        <v>5</v>
      </c>
      <c r="B46" s="134" t="s">
        <v>63</v>
      </c>
      <c r="C46" s="134"/>
      <c r="D46" s="134"/>
      <c r="E46" s="134"/>
      <c r="F46" s="134"/>
      <c r="G46" s="134"/>
      <c r="H46" s="134"/>
      <c r="I46" s="134"/>
      <c r="J46" s="134"/>
      <c r="K46" s="134"/>
      <c r="L46" s="134"/>
      <c r="M46" s="134"/>
      <c r="N46" s="134"/>
      <c r="O46" s="134"/>
      <c r="P46" s="134"/>
    </row>
    <row r="47" spans="1:16" x14ac:dyDescent="0.25">
      <c r="A47" s="41" t="s">
        <v>5</v>
      </c>
      <c r="B47" s="138" t="s">
        <v>139</v>
      </c>
      <c r="C47" s="138"/>
      <c r="D47" s="138"/>
      <c r="E47" s="138"/>
      <c r="F47" s="138"/>
      <c r="G47" s="138"/>
      <c r="H47" s="138"/>
      <c r="I47" s="138"/>
      <c r="J47" s="138"/>
      <c r="K47" s="138"/>
      <c r="L47" s="138"/>
      <c r="M47" s="138"/>
      <c r="N47" s="138"/>
      <c r="O47" s="138"/>
      <c r="P47" s="138"/>
    </row>
    <row r="48" spans="1:16" s="53" customFormat="1" ht="12" customHeight="1" x14ac:dyDescent="0.25">
      <c r="A48" s="41" t="s">
        <v>5</v>
      </c>
      <c r="B48" s="134" t="s">
        <v>149</v>
      </c>
      <c r="C48" s="134"/>
      <c r="D48" s="134"/>
      <c r="E48" s="134"/>
      <c r="F48" s="134"/>
      <c r="G48" s="134"/>
      <c r="H48" s="134"/>
      <c r="I48" s="134"/>
      <c r="J48" s="134"/>
      <c r="K48" s="134"/>
      <c r="L48" s="134"/>
      <c r="M48" s="134"/>
      <c r="N48" s="134"/>
      <c r="O48" s="134"/>
      <c r="P48" s="134"/>
    </row>
    <row r="49" spans="1:16" s="53" customFormat="1" ht="37.5" customHeight="1" x14ac:dyDescent="0.25">
      <c r="A49" s="41" t="s">
        <v>5</v>
      </c>
      <c r="B49" s="134" t="s">
        <v>66</v>
      </c>
      <c r="C49" s="134"/>
      <c r="D49" s="134"/>
      <c r="E49" s="134"/>
      <c r="F49" s="134"/>
      <c r="G49" s="134"/>
      <c r="H49" s="134"/>
      <c r="I49" s="134"/>
      <c r="J49" s="134"/>
      <c r="K49" s="134"/>
      <c r="L49" s="134"/>
      <c r="M49" s="134"/>
      <c r="N49" s="134"/>
      <c r="O49" s="134"/>
      <c r="P49" s="134"/>
    </row>
    <row r="50" spans="1:16" s="53" customFormat="1" x14ac:dyDescent="0.25">
      <c r="A50" s="41" t="s">
        <v>5</v>
      </c>
      <c r="B50" s="135" t="s">
        <v>130</v>
      </c>
      <c r="C50" s="135"/>
      <c r="D50" s="135"/>
      <c r="E50" s="135"/>
      <c r="F50" s="135"/>
      <c r="G50" s="135"/>
      <c r="H50" s="135"/>
      <c r="I50" s="135"/>
      <c r="J50" s="135"/>
      <c r="K50" s="135"/>
      <c r="L50" s="135"/>
      <c r="M50" s="135"/>
      <c r="N50" s="135"/>
      <c r="O50" s="135"/>
      <c r="P50" s="135"/>
    </row>
    <row r="51" spans="1:16" ht="24" customHeight="1" x14ac:dyDescent="0.25">
      <c r="A51" s="41" t="s">
        <v>5</v>
      </c>
      <c r="B51" s="148" t="s">
        <v>142</v>
      </c>
      <c r="C51" s="148"/>
      <c r="D51" s="148"/>
      <c r="E51" s="148"/>
      <c r="F51" s="148"/>
      <c r="G51" s="148"/>
      <c r="H51" s="148"/>
      <c r="I51" s="148"/>
      <c r="J51" s="148"/>
      <c r="K51" s="148"/>
      <c r="L51" s="148"/>
      <c r="M51" s="148"/>
      <c r="N51" s="148"/>
      <c r="O51" s="148"/>
      <c r="P51" s="148"/>
    </row>
    <row r="52" spans="1:16" x14ac:dyDescent="0.25">
      <c r="A52" s="41" t="s">
        <v>5</v>
      </c>
      <c r="B52" s="136" t="s">
        <v>129</v>
      </c>
      <c r="C52" s="136"/>
      <c r="D52" s="136"/>
      <c r="E52" s="136"/>
      <c r="F52" s="136"/>
      <c r="G52" s="136"/>
      <c r="H52" s="136"/>
      <c r="I52" s="136"/>
      <c r="J52" s="136"/>
      <c r="K52" s="136"/>
      <c r="L52" s="136"/>
      <c r="M52" s="136"/>
      <c r="N52" s="136"/>
      <c r="O52" s="136"/>
      <c r="P52" s="136"/>
    </row>
    <row r="53" spans="1:16" s="53" customFormat="1" x14ac:dyDescent="0.25">
      <c r="A53" s="36" t="s">
        <v>5</v>
      </c>
      <c r="B53" s="147" t="s">
        <v>89</v>
      </c>
      <c r="C53" s="147"/>
      <c r="D53" s="147"/>
      <c r="E53" s="147"/>
      <c r="F53" s="147"/>
      <c r="G53" s="147"/>
      <c r="H53" s="147"/>
      <c r="I53" s="147"/>
      <c r="J53" s="147"/>
      <c r="K53" s="147"/>
      <c r="L53" s="147"/>
      <c r="M53" s="147"/>
      <c r="N53" s="147"/>
      <c r="O53" s="147"/>
      <c r="P53" s="147"/>
    </row>
    <row r="54" spans="1:16" s="49" customFormat="1" ht="12" customHeight="1" x14ac:dyDescent="0.25">
      <c r="A54" s="41" t="s">
        <v>5</v>
      </c>
      <c r="B54" s="147" t="s">
        <v>22</v>
      </c>
      <c r="C54" s="147"/>
      <c r="D54" s="147"/>
      <c r="E54" s="147"/>
      <c r="F54" s="147"/>
      <c r="G54" s="147"/>
      <c r="H54" s="147"/>
      <c r="I54" s="147"/>
      <c r="J54" s="147"/>
      <c r="K54" s="147"/>
      <c r="L54" s="147"/>
      <c r="M54" s="147"/>
      <c r="N54" s="147"/>
      <c r="O54" s="147"/>
    </row>
    <row r="55" spans="1:16" x14ac:dyDescent="0.25">
      <c r="A55" s="41"/>
      <c r="B55" s="54"/>
      <c r="C55" s="54"/>
      <c r="D55" s="54"/>
      <c r="E55" s="54"/>
      <c r="F55" s="54"/>
      <c r="G55" s="54"/>
      <c r="H55" s="54"/>
      <c r="I55" s="54"/>
      <c r="J55" s="54"/>
      <c r="K55" s="54"/>
      <c r="L55" s="54"/>
      <c r="M55" s="54"/>
      <c r="N55" s="54"/>
      <c r="O55" s="54"/>
      <c r="P55" s="54"/>
    </row>
    <row r="56" spans="1:16" ht="11.25" customHeight="1" x14ac:dyDescent="0.25">
      <c r="A56" s="137" t="s">
        <v>134</v>
      </c>
      <c r="B56" s="137"/>
      <c r="C56" s="137"/>
      <c r="D56" s="137"/>
      <c r="E56" s="137"/>
      <c r="F56" s="137"/>
      <c r="G56" s="137"/>
      <c r="H56" s="137"/>
      <c r="I56" s="137"/>
      <c r="J56" s="137"/>
      <c r="K56" s="137"/>
      <c r="L56" s="137"/>
      <c r="M56" s="137"/>
      <c r="N56" s="137"/>
      <c r="O56" s="137"/>
      <c r="P56" s="137"/>
    </row>
    <row r="57" spans="1:16" x14ac:dyDescent="0.25">
      <c r="A57" s="41"/>
      <c r="B57" s="82" t="s">
        <v>115</v>
      </c>
      <c r="C57" s="80"/>
      <c r="D57" s="80"/>
      <c r="E57" s="80"/>
      <c r="F57" s="80"/>
      <c r="G57" s="80"/>
      <c r="H57" s="80"/>
      <c r="I57" s="80"/>
      <c r="J57" s="80"/>
      <c r="K57" s="80"/>
      <c r="L57" s="80"/>
      <c r="M57" s="80"/>
      <c r="N57" s="80"/>
      <c r="O57" s="80"/>
      <c r="P57" s="80"/>
    </row>
    <row r="58" spans="1:16" ht="8.25" customHeight="1" x14ac:dyDescent="0.25">
      <c r="A58" s="41"/>
      <c r="B58" s="81"/>
      <c r="C58" s="80"/>
      <c r="D58" s="80"/>
      <c r="E58" s="80"/>
      <c r="F58" s="80"/>
      <c r="G58" s="80"/>
      <c r="H58" s="80"/>
      <c r="I58" s="80"/>
      <c r="J58" s="80"/>
      <c r="K58" s="80"/>
      <c r="L58" s="80"/>
      <c r="M58" s="80"/>
      <c r="N58" s="80"/>
      <c r="O58" s="80"/>
      <c r="P58" s="80"/>
    </row>
    <row r="59" spans="1:16" ht="66.75" customHeight="1" x14ac:dyDescent="0.25">
      <c r="A59" s="41"/>
      <c r="B59" s="136" t="s">
        <v>232</v>
      </c>
      <c r="C59" s="136"/>
      <c r="D59" s="136"/>
      <c r="E59" s="136"/>
      <c r="F59" s="136"/>
      <c r="G59" s="136"/>
      <c r="H59" s="136"/>
      <c r="I59" s="136"/>
      <c r="J59" s="136"/>
      <c r="K59" s="136"/>
      <c r="L59" s="136"/>
      <c r="M59" s="136"/>
      <c r="N59" s="136"/>
      <c r="O59" s="136"/>
      <c r="P59" s="136"/>
    </row>
    <row r="60" spans="1:16" s="53" customFormat="1" x14ac:dyDescent="0.25">
      <c r="A60" s="55"/>
      <c r="B60" s="57"/>
      <c r="C60" s="57"/>
      <c r="D60" s="57"/>
      <c r="E60" s="57"/>
      <c r="F60" s="57"/>
      <c r="G60" s="57"/>
      <c r="H60" s="57"/>
      <c r="I60" s="57"/>
      <c r="J60" s="57"/>
      <c r="K60" s="57"/>
      <c r="L60" s="57"/>
      <c r="M60" s="57"/>
      <c r="N60" s="57"/>
      <c r="O60" s="57"/>
      <c r="P60" s="57"/>
    </row>
    <row r="61" spans="1:16" ht="12" customHeight="1" x14ac:dyDescent="0.25">
      <c r="A61" s="137" t="s">
        <v>27</v>
      </c>
      <c r="B61" s="137"/>
      <c r="C61" s="137"/>
      <c r="D61" s="137"/>
      <c r="E61" s="137"/>
      <c r="F61" s="137"/>
      <c r="G61" s="137"/>
      <c r="H61" s="137"/>
      <c r="I61" s="137"/>
      <c r="J61" s="137"/>
      <c r="K61" s="137"/>
      <c r="L61" s="137"/>
      <c r="M61" s="137"/>
      <c r="N61" s="137"/>
      <c r="O61" s="137"/>
      <c r="P61" s="137"/>
    </row>
    <row r="63" spans="1:16" ht="29.25" customHeight="1" x14ac:dyDescent="0.25">
      <c r="B63" s="162" t="s">
        <v>137</v>
      </c>
      <c r="C63" s="162"/>
      <c r="D63" s="58">
        <v>0</v>
      </c>
      <c r="E63" s="58">
        <v>1</v>
      </c>
      <c r="F63" s="58">
        <v>2</v>
      </c>
      <c r="G63" s="58">
        <v>3</v>
      </c>
      <c r="H63" s="58">
        <v>4</v>
      </c>
      <c r="I63" s="58">
        <v>5</v>
      </c>
      <c r="J63" s="58">
        <v>6</v>
      </c>
      <c r="K63" s="58">
        <v>7</v>
      </c>
      <c r="L63" s="58">
        <v>8</v>
      </c>
      <c r="M63" s="58">
        <v>9</v>
      </c>
      <c r="N63" s="58">
        <v>10</v>
      </c>
      <c r="O63" s="58" t="s">
        <v>55</v>
      </c>
      <c r="P63" s="58" t="s">
        <v>133</v>
      </c>
    </row>
    <row r="64" spans="1:16" x14ac:dyDescent="0.25">
      <c r="B64" s="163" t="s">
        <v>93</v>
      </c>
      <c r="C64" s="163"/>
      <c r="D64" s="59">
        <v>5.5E-2</v>
      </c>
      <c r="E64" s="59">
        <v>0.06</v>
      </c>
      <c r="F64" s="59">
        <v>6.4500000000000002E-2</v>
      </c>
      <c r="G64" s="59">
        <v>6.9000000000000006E-2</v>
      </c>
      <c r="H64" s="59">
        <v>7.3499999999999996E-2</v>
      </c>
      <c r="I64" s="59">
        <v>7.8E-2</v>
      </c>
      <c r="J64" s="59">
        <v>8.3000000000000004E-2</v>
      </c>
      <c r="K64" s="59">
        <v>8.7499999999999994E-2</v>
      </c>
      <c r="L64" s="59">
        <v>9.2000000000000012E-2</v>
      </c>
      <c r="M64" s="59">
        <v>9.2000000000000012E-2</v>
      </c>
      <c r="N64" s="59">
        <v>9.2000000000000012E-2</v>
      </c>
      <c r="O64" s="59">
        <v>9.2000000000000012E-2</v>
      </c>
      <c r="P64" s="83">
        <v>500</v>
      </c>
    </row>
    <row r="66" spans="1:256" s="49" customFormat="1" ht="12" customHeight="1" x14ac:dyDescent="0.25">
      <c r="A66" s="137" t="s">
        <v>138</v>
      </c>
      <c r="B66" s="137"/>
      <c r="C66" s="137"/>
      <c r="D66" s="137"/>
      <c r="E66" s="137"/>
      <c r="F66" s="137"/>
      <c r="G66" s="137"/>
      <c r="H66" s="137"/>
      <c r="I66" s="137"/>
      <c r="J66" s="137"/>
      <c r="K66" s="137"/>
      <c r="L66" s="137"/>
      <c r="M66" s="137"/>
      <c r="N66" s="137"/>
      <c r="O66" s="137"/>
      <c r="P66" s="137"/>
      <c r="Q66" s="156" t="s">
        <v>27</v>
      </c>
      <c r="R66" s="156"/>
      <c r="S66" s="156"/>
      <c r="T66" s="156"/>
      <c r="U66" s="156"/>
      <c r="V66" s="156"/>
      <c r="W66" s="156"/>
      <c r="X66" s="156"/>
      <c r="Y66" s="156"/>
      <c r="Z66" s="156"/>
      <c r="AA66" s="156"/>
      <c r="AB66" s="156"/>
      <c r="AC66" s="156"/>
      <c r="AD66" s="156"/>
      <c r="AE66" s="156"/>
      <c r="AF66" s="156"/>
      <c r="AG66" s="156" t="s">
        <v>27</v>
      </c>
      <c r="AH66" s="156"/>
      <c r="AI66" s="156"/>
      <c r="AJ66" s="156"/>
      <c r="AK66" s="156"/>
      <c r="AL66" s="156"/>
      <c r="AM66" s="156"/>
      <c r="AN66" s="156"/>
      <c r="AO66" s="156"/>
      <c r="AP66" s="156"/>
      <c r="AQ66" s="156"/>
      <c r="AR66" s="156"/>
      <c r="AS66" s="156"/>
      <c r="AT66" s="156"/>
      <c r="AU66" s="156"/>
      <c r="AV66" s="156"/>
      <c r="AW66" s="156" t="s">
        <v>27</v>
      </c>
      <c r="AX66" s="156"/>
      <c r="AY66" s="156"/>
      <c r="AZ66" s="156"/>
      <c r="BA66" s="156"/>
      <c r="BB66" s="156"/>
      <c r="BC66" s="156"/>
      <c r="BD66" s="156"/>
      <c r="BE66" s="156"/>
      <c r="BF66" s="156"/>
      <c r="BG66" s="156"/>
      <c r="BH66" s="156"/>
      <c r="BI66" s="156"/>
      <c r="BJ66" s="156"/>
      <c r="BK66" s="156"/>
      <c r="BL66" s="156"/>
      <c r="BM66" s="156" t="s">
        <v>27</v>
      </c>
      <c r="BN66" s="156"/>
      <c r="BO66" s="156"/>
      <c r="BP66" s="156"/>
      <c r="BQ66" s="156"/>
      <c r="BR66" s="156"/>
      <c r="BS66" s="156"/>
      <c r="BT66" s="156"/>
      <c r="BU66" s="156"/>
      <c r="BV66" s="156"/>
      <c r="BW66" s="156"/>
      <c r="BX66" s="156"/>
      <c r="BY66" s="156"/>
      <c r="BZ66" s="156"/>
      <c r="CA66" s="156"/>
      <c r="CB66" s="156"/>
      <c r="CC66" s="156" t="s">
        <v>27</v>
      </c>
      <c r="CD66" s="156"/>
      <c r="CE66" s="156"/>
      <c r="CF66" s="156"/>
      <c r="CG66" s="156"/>
      <c r="CH66" s="156"/>
      <c r="CI66" s="156"/>
      <c r="CJ66" s="156"/>
      <c r="CK66" s="156"/>
      <c r="CL66" s="156"/>
      <c r="CM66" s="156"/>
      <c r="CN66" s="156"/>
      <c r="CO66" s="156"/>
      <c r="CP66" s="156"/>
      <c r="CQ66" s="156"/>
      <c r="CR66" s="156"/>
      <c r="CS66" s="156" t="s">
        <v>27</v>
      </c>
      <c r="CT66" s="156"/>
      <c r="CU66" s="156"/>
      <c r="CV66" s="156"/>
      <c r="CW66" s="156"/>
      <c r="CX66" s="156"/>
      <c r="CY66" s="156"/>
      <c r="CZ66" s="156"/>
      <c r="DA66" s="156"/>
      <c r="DB66" s="156"/>
      <c r="DC66" s="156"/>
      <c r="DD66" s="156"/>
      <c r="DE66" s="156"/>
      <c r="DF66" s="156"/>
      <c r="DG66" s="156"/>
      <c r="DH66" s="156"/>
      <c r="DI66" s="156" t="s">
        <v>27</v>
      </c>
      <c r="DJ66" s="156"/>
      <c r="DK66" s="156"/>
      <c r="DL66" s="156"/>
      <c r="DM66" s="156"/>
      <c r="DN66" s="156"/>
      <c r="DO66" s="156"/>
      <c r="DP66" s="156"/>
      <c r="DQ66" s="156"/>
      <c r="DR66" s="156"/>
      <c r="DS66" s="156"/>
      <c r="DT66" s="156"/>
      <c r="DU66" s="156"/>
      <c r="DV66" s="156"/>
      <c r="DW66" s="156"/>
      <c r="DX66" s="156"/>
      <c r="DY66" s="156" t="s">
        <v>27</v>
      </c>
      <c r="DZ66" s="156"/>
      <c r="EA66" s="156"/>
      <c r="EB66" s="156"/>
      <c r="EC66" s="156"/>
      <c r="ED66" s="156"/>
      <c r="EE66" s="156"/>
      <c r="EF66" s="156"/>
      <c r="EG66" s="156"/>
      <c r="EH66" s="156"/>
      <c r="EI66" s="156"/>
      <c r="EJ66" s="156"/>
      <c r="EK66" s="156"/>
      <c r="EL66" s="156"/>
      <c r="EM66" s="156"/>
      <c r="EN66" s="156"/>
      <c r="EO66" s="156" t="s">
        <v>27</v>
      </c>
      <c r="EP66" s="156"/>
      <c r="EQ66" s="156"/>
      <c r="ER66" s="156"/>
      <c r="ES66" s="156"/>
      <c r="ET66" s="156"/>
      <c r="EU66" s="156"/>
      <c r="EV66" s="156"/>
      <c r="EW66" s="156"/>
      <c r="EX66" s="156"/>
      <c r="EY66" s="156"/>
      <c r="EZ66" s="156"/>
      <c r="FA66" s="156"/>
      <c r="FB66" s="156"/>
      <c r="FC66" s="156"/>
      <c r="FD66" s="156"/>
      <c r="FE66" s="156" t="s">
        <v>27</v>
      </c>
      <c r="FF66" s="156"/>
      <c r="FG66" s="156"/>
      <c r="FH66" s="156"/>
      <c r="FI66" s="156"/>
      <c r="FJ66" s="156"/>
      <c r="FK66" s="156"/>
      <c r="FL66" s="156"/>
      <c r="FM66" s="156"/>
      <c r="FN66" s="156"/>
      <c r="FO66" s="156"/>
      <c r="FP66" s="156"/>
      <c r="FQ66" s="156"/>
      <c r="FR66" s="156"/>
      <c r="FS66" s="156"/>
      <c r="FT66" s="156"/>
      <c r="FU66" s="156" t="s">
        <v>27</v>
      </c>
      <c r="FV66" s="156"/>
      <c r="FW66" s="156"/>
      <c r="FX66" s="156"/>
      <c r="FY66" s="156"/>
      <c r="FZ66" s="156"/>
      <c r="GA66" s="156"/>
      <c r="GB66" s="156"/>
      <c r="GC66" s="156"/>
      <c r="GD66" s="156"/>
      <c r="GE66" s="156"/>
      <c r="GF66" s="156"/>
      <c r="GG66" s="156"/>
      <c r="GH66" s="156"/>
      <c r="GI66" s="156"/>
      <c r="GJ66" s="156"/>
      <c r="GK66" s="156" t="s">
        <v>27</v>
      </c>
      <c r="GL66" s="156"/>
      <c r="GM66" s="156"/>
      <c r="GN66" s="156"/>
      <c r="GO66" s="156"/>
      <c r="GP66" s="156"/>
      <c r="GQ66" s="156"/>
      <c r="GR66" s="156"/>
      <c r="GS66" s="156"/>
      <c r="GT66" s="156"/>
      <c r="GU66" s="156"/>
      <c r="GV66" s="156"/>
      <c r="GW66" s="156"/>
      <c r="GX66" s="156"/>
      <c r="GY66" s="156"/>
      <c r="GZ66" s="156"/>
      <c r="HA66" s="156" t="s">
        <v>27</v>
      </c>
      <c r="HB66" s="156"/>
      <c r="HC66" s="156"/>
      <c r="HD66" s="156"/>
      <c r="HE66" s="156"/>
      <c r="HF66" s="156"/>
      <c r="HG66" s="156"/>
      <c r="HH66" s="156"/>
      <c r="HI66" s="156"/>
      <c r="HJ66" s="156"/>
      <c r="HK66" s="156"/>
      <c r="HL66" s="156"/>
      <c r="HM66" s="156"/>
      <c r="HN66" s="156"/>
      <c r="HO66" s="156"/>
      <c r="HP66" s="156"/>
      <c r="HQ66" s="156" t="s">
        <v>27</v>
      </c>
      <c r="HR66" s="156"/>
      <c r="HS66" s="156"/>
      <c r="HT66" s="156"/>
      <c r="HU66" s="156"/>
      <c r="HV66" s="156"/>
      <c r="HW66" s="156"/>
      <c r="HX66" s="156"/>
      <c r="HY66" s="156"/>
      <c r="HZ66" s="156"/>
      <c r="IA66" s="156"/>
      <c r="IB66" s="156"/>
      <c r="IC66" s="156"/>
      <c r="ID66" s="156"/>
      <c r="IE66" s="156"/>
      <c r="IF66" s="156"/>
      <c r="IG66" s="156" t="s">
        <v>27</v>
      </c>
      <c r="IH66" s="156"/>
      <c r="II66" s="156"/>
      <c r="IJ66" s="156"/>
      <c r="IK66" s="156"/>
      <c r="IL66" s="156"/>
      <c r="IM66" s="156"/>
      <c r="IN66" s="156"/>
      <c r="IO66" s="156"/>
      <c r="IP66" s="156"/>
      <c r="IQ66" s="156"/>
      <c r="IR66" s="156"/>
      <c r="IS66" s="156"/>
      <c r="IT66" s="156"/>
      <c r="IU66" s="156"/>
      <c r="IV66" s="156"/>
    </row>
    <row r="67" spans="1:256" x14ac:dyDescent="0.25">
      <c r="A67" s="26" t="s">
        <v>5</v>
      </c>
      <c r="B67" s="123" t="s">
        <v>31</v>
      </c>
    </row>
    <row r="68" spans="1:256" x14ac:dyDescent="0.25">
      <c r="B68" s="45"/>
      <c r="C68" s="60"/>
    </row>
    <row r="69" spans="1:256" x14ac:dyDescent="0.25">
      <c r="D69" s="61"/>
      <c r="E69" s="61"/>
      <c r="F69" s="61"/>
      <c r="G69" s="61"/>
      <c r="H69" s="61"/>
      <c r="I69" s="61"/>
      <c r="J69" s="61"/>
      <c r="K69" s="61"/>
      <c r="L69" s="61"/>
      <c r="M69" s="61"/>
      <c r="N69" s="61"/>
      <c r="O69" s="61"/>
    </row>
    <row r="72" spans="1:256" x14ac:dyDescent="0.25">
      <c r="D72" s="62"/>
    </row>
    <row r="154" spans="1:256" s="26" customFormat="1" x14ac:dyDescent="0.25">
      <c r="A154" s="63"/>
      <c r="B154" s="63"/>
      <c r="C154" s="63"/>
      <c r="D154" s="63"/>
      <c r="E154" s="63"/>
      <c r="F154" s="63"/>
      <c r="G154" s="63"/>
      <c r="H154" s="63"/>
      <c r="I154" s="63"/>
      <c r="K154" s="28"/>
      <c r="L154" s="28"/>
      <c r="M154" s="28"/>
      <c r="N154" s="28"/>
      <c r="O154" s="28"/>
      <c r="P154" s="28"/>
      <c r="Q154" s="28"/>
      <c r="R154" s="28"/>
      <c r="S154" s="28"/>
      <c r="T154" s="28"/>
      <c r="U154" s="28"/>
      <c r="V154" s="28"/>
      <c r="W154" s="28"/>
      <c r="X154" s="28"/>
      <c r="Y154" s="28"/>
      <c r="Z154" s="28"/>
      <c r="AA154" s="28"/>
      <c r="AB154" s="28"/>
      <c r="AC154" s="28"/>
      <c r="AD154" s="28"/>
      <c r="AE154" s="28"/>
      <c r="AF154" s="28"/>
      <c r="AG154" s="28"/>
      <c r="AH154" s="28"/>
      <c r="AI154" s="28"/>
      <c r="AJ154" s="28"/>
      <c r="AK154" s="28"/>
      <c r="AL154" s="28"/>
      <c r="AM154" s="28"/>
      <c r="AN154" s="28"/>
      <c r="AO154" s="28"/>
      <c r="AP154" s="28"/>
      <c r="AQ154" s="28"/>
      <c r="AR154" s="28"/>
      <c r="AS154" s="28"/>
      <c r="AT154" s="28"/>
      <c r="AU154" s="28"/>
      <c r="AV154" s="28"/>
      <c r="AW154" s="28"/>
      <c r="AX154" s="28"/>
      <c r="AY154" s="28"/>
      <c r="AZ154" s="28"/>
      <c r="BA154" s="28"/>
      <c r="BB154" s="28"/>
      <c r="BC154" s="28"/>
      <c r="BD154" s="28"/>
      <c r="BE154" s="28"/>
      <c r="BF154" s="28"/>
      <c r="BG154" s="28"/>
      <c r="BH154" s="28"/>
      <c r="BI154" s="28"/>
      <c r="BJ154" s="28"/>
      <c r="BK154" s="28"/>
      <c r="BL154" s="28"/>
      <c r="BM154" s="28"/>
      <c r="BN154" s="28"/>
      <c r="BO154" s="28"/>
      <c r="BP154" s="28"/>
      <c r="BQ154" s="28"/>
      <c r="BR154" s="28"/>
      <c r="BS154" s="28"/>
      <c r="BT154" s="28"/>
      <c r="BU154" s="28"/>
      <c r="BV154" s="28"/>
      <c r="BW154" s="28"/>
      <c r="BX154" s="28"/>
      <c r="BY154" s="28"/>
      <c r="BZ154" s="28"/>
      <c r="CA154" s="28"/>
      <c r="CB154" s="28"/>
      <c r="CC154" s="28"/>
      <c r="CD154" s="28"/>
      <c r="CE154" s="28"/>
      <c r="CF154" s="28"/>
      <c r="CG154" s="28"/>
      <c r="CH154" s="28"/>
      <c r="CI154" s="28"/>
      <c r="CJ154" s="28"/>
      <c r="CK154" s="28"/>
      <c r="CL154" s="28"/>
      <c r="CM154" s="28"/>
      <c r="CN154" s="28"/>
      <c r="CO154" s="28"/>
      <c r="CP154" s="28"/>
      <c r="CQ154" s="28"/>
      <c r="CR154" s="28"/>
      <c r="CS154" s="28"/>
      <c r="CT154" s="28"/>
      <c r="CU154" s="28"/>
      <c r="CV154" s="28"/>
      <c r="CW154" s="28"/>
      <c r="CX154" s="28"/>
      <c r="CY154" s="28"/>
      <c r="CZ154" s="28"/>
      <c r="DA154" s="28"/>
      <c r="DB154" s="28"/>
      <c r="DC154" s="28"/>
      <c r="DD154" s="28"/>
      <c r="DE154" s="28"/>
      <c r="DF154" s="28"/>
      <c r="DG154" s="28"/>
      <c r="DH154" s="28"/>
      <c r="DI154" s="28"/>
      <c r="DJ154" s="28"/>
      <c r="DK154" s="28"/>
      <c r="DL154" s="28"/>
      <c r="DM154" s="28"/>
      <c r="DN154" s="28"/>
      <c r="DO154" s="28"/>
      <c r="DP154" s="28"/>
      <c r="DQ154" s="28"/>
      <c r="DR154" s="28"/>
      <c r="DS154" s="28"/>
      <c r="DT154" s="28"/>
      <c r="DU154" s="28"/>
      <c r="DV154" s="28"/>
      <c r="DW154" s="28"/>
      <c r="DX154" s="28"/>
      <c r="DY154" s="28"/>
      <c r="DZ154" s="28"/>
      <c r="EA154" s="28"/>
      <c r="EB154" s="28"/>
      <c r="EC154" s="28"/>
      <c r="ED154" s="28"/>
      <c r="EE154" s="28"/>
      <c r="EF154" s="28"/>
      <c r="EG154" s="28"/>
      <c r="EH154" s="28"/>
      <c r="EI154" s="28"/>
      <c r="EJ154" s="28"/>
      <c r="EK154" s="28"/>
      <c r="EL154" s="28"/>
      <c r="EM154" s="28"/>
      <c r="EN154" s="28"/>
      <c r="EO154" s="28"/>
      <c r="EP154" s="28"/>
      <c r="EQ154" s="28"/>
      <c r="ER154" s="28"/>
      <c r="ES154" s="28"/>
      <c r="ET154" s="28"/>
      <c r="EU154" s="28"/>
      <c r="EV154" s="28"/>
      <c r="EW154" s="28"/>
      <c r="EX154" s="28"/>
      <c r="EY154" s="28"/>
      <c r="EZ154" s="28"/>
      <c r="FA154" s="28"/>
      <c r="FB154" s="28"/>
      <c r="FC154" s="28"/>
      <c r="FD154" s="28"/>
      <c r="FE154" s="28"/>
      <c r="FF154" s="28"/>
      <c r="FG154" s="28"/>
      <c r="FH154" s="28"/>
      <c r="FI154" s="28"/>
      <c r="FJ154" s="28"/>
      <c r="FK154" s="28"/>
      <c r="FL154" s="28"/>
      <c r="FM154" s="28"/>
      <c r="FN154" s="28"/>
      <c r="FO154" s="28"/>
      <c r="FP154" s="28"/>
      <c r="FQ154" s="28"/>
      <c r="FR154" s="28"/>
      <c r="FS154" s="28"/>
      <c r="FT154" s="28"/>
      <c r="FU154" s="28"/>
      <c r="FV154" s="28"/>
      <c r="FW154" s="28"/>
      <c r="FX154" s="28"/>
      <c r="FY154" s="28"/>
      <c r="FZ154" s="28"/>
      <c r="GA154" s="28"/>
      <c r="GB154" s="28"/>
      <c r="GC154" s="28"/>
      <c r="GD154" s="28"/>
      <c r="GE154" s="28"/>
      <c r="GF154" s="28"/>
      <c r="GG154" s="28"/>
      <c r="GH154" s="28"/>
      <c r="GI154" s="28"/>
      <c r="GJ154" s="28"/>
      <c r="GK154" s="28"/>
      <c r="GL154" s="28"/>
      <c r="GM154" s="28"/>
      <c r="GN154" s="28"/>
      <c r="GO154" s="28"/>
      <c r="GP154" s="28"/>
      <c r="GQ154" s="28"/>
      <c r="GR154" s="28"/>
      <c r="GS154" s="28"/>
      <c r="GT154" s="28"/>
      <c r="GU154" s="28"/>
      <c r="GV154" s="28"/>
      <c r="GW154" s="28"/>
      <c r="GX154" s="28"/>
      <c r="GY154" s="28"/>
      <c r="GZ154" s="28"/>
      <c r="HA154" s="28"/>
      <c r="HB154" s="28"/>
      <c r="HC154" s="28"/>
      <c r="HD154" s="28"/>
      <c r="HE154" s="28"/>
      <c r="HF154" s="28"/>
      <c r="HG154" s="28"/>
      <c r="HH154" s="28"/>
      <c r="HI154" s="28"/>
      <c r="HJ154" s="28"/>
      <c r="HK154" s="28"/>
      <c r="HL154" s="28"/>
      <c r="HM154" s="28"/>
      <c r="HN154" s="28"/>
      <c r="HO154" s="28"/>
      <c r="HP154" s="28"/>
      <c r="HQ154" s="28"/>
      <c r="HR154" s="28"/>
      <c r="HS154" s="28"/>
      <c r="HT154" s="28"/>
      <c r="HU154" s="28"/>
      <c r="HV154" s="28"/>
      <c r="HW154" s="28"/>
      <c r="HX154" s="28"/>
      <c r="HY154" s="28"/>
      <c r="HZ154" s="28"/>
      <c r="IA154" s="28"/>
      <c r="IB154" s="28"/>
      <c r="IC154" s="28"/>
      <c r="ID154" s="28"/>
      <c r="IE154" s="28"/>
      <c r="IF154" s="28"/>
      <c r="IG154" s="28"/>
      <c r="IH154" s="28"/>
      <c r="II154" s="28"/>
      <c r="IJ154" s="28"/>
      <c r="IK154" s="28"/>
      <c r="IL154" s="28"/>
      <c r="IM154" s="28"/>
      <c r="IN154" s="28"/>
      <c r="IO154" s="28"/>
      <c r="IP154" s="28"/>
      <c r="IQ154" s="28"/>
      <c r="IR154" s="28"/>
      <c r="IS154" s="28"/>
      <c r="IT154" s="28"/>
      <c r="IU154" s="28"/>
      <c r="IV154" s="28"/>
    </row>
  </sheetData>
  <mergeCells count="48">
    <mergeCell ref="B48:P48"/>
    <mergeCell ref="B33:P33"/>
    <mergeCell ref="B34:P34"/>
    <mergeCell ref="B35:P35"/>
    <mergeCell ref="B36:P36"/>
    <mergeCell ref="B42:P42"/>
    <mergeCell ref="B43:P43"/>
    <mergeCell ref="B54:O54"/>
    <mergeCell ref="A56:P56"/>
    <mergeCell ref="B32:P32"/>
    <mergeCell ref="A4:P4"/>
    <mergeCell ref="A9:P9"/>
    <mergeCell ref="B16:L16"/>
    <mergeCell ref="B19:M19"/>
    <mergeCell ref="B20:M20"/>
    <mergeCell ref="A23:P23"/>
    <mergeCell ref="B26:M26"/>
    <mergeCell ref="B27:M27"/>
    <mergeCell ref="A30:P30"/>
    <mergeCell ref="B31:M31"/>
    <mergeCell ref="A45:P45"/>
    <mergeCell ref="B46:P46"/>
    <mergeCell ref="B47:P47"/>
    <mergeCell ref="B49:P49"/>
    <mergeCell ref="B50:P50"/>
    <mergeCell ref="B51:P51"/>
    <mergeCell ref="B52:P52"/>
    <mergeCell ref="B53:P53"/>
    <mergeCell ref="A66:P66"/>
    <mergeCell ref="Q66:AF66"/>
    <mergeCell ref="AG66:AV66"/>
    <mergeCell ref="AW66:BL66"/>
    <mergeCell ref="B59:P59"/>
    <mergeCell ref="A61:P61"/>
    <mergeCell ref="B63:C63"/>
    <mergeCell ref="B64:C64"/>
    <mergeCell ref="IG66:IV66"/>
    <mergeCell ref="BM66:CB66"/>
    <mergeCell ref="CC66:CR66"/>
    <mergeCell ref="CS66:DH66"/>
    <mergeCell ref="DI66:DX66"/>
    <mergeCell ref="DY66:EN66"/>
    <mergeCell ref="EO66:FD66"/>
    <mergeCell ref="HQ66:IF66"/>
    <mergeCell ref="FE66:FT66"/>
    <mergeCell ref="FU66:GJ66"/>
    <mergeCell ref="GK66:GZ66"/>
    <mergeCell ref="HA66:HP66"/>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0">
    <pageSetUpPr fitToPage="1"/>
  </sheetPr>
  <dimension ref="A3:IV153"/>
  <sheetViews>
    <sheetView showGridLines="0" topLeftCell="A20" workbookViewId="0">
      <selection activeCell="B29" sqref="B29"/>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9" t="s">
        <v>271</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45" t="s">
        <v>6</v>
      </c>
      <c r="I10" s="28"/>
      <c r="O10" s="36" t="s">
        <v>7</v>
      </c>
    </row>
    <row r="11" spans="1:16" x14ac:dyDescent="0.25">
      <c r="A11" s="26" t="s">
        <v>5</v>
      </c>
      <c r="B11" s="45" t="s">
        <v>8</v>
      </c>
      <c r="I11" s="28"/>
      <c r="O11" s="40">
        <v>100000</v>
      </c>
    </row>
    <row r="12" spans="1:16" x14ac:dyDescent="0.25">
      <c r="A12" s="26" t="s">
        <v>5</v>
      </c>
      <c r="B12" s="45" t="s">
        <v>77</v>
      </c>
      <c r="I12" s="28"/>
      <c r="J12" s="28"/>
      <c r="O12" s="40"/>
      <c r="P12" s="26"/>
    </row>
    <row r="13" spans="1:16" x14ac:dyDescent="0.25">
      <c r="B13" s="44" t="s">
        <v>10</v>
      </c>
      <c r="I13" s="28"/>
      <c r="J13" s="28"/>
      <c r="O13" s="40">
        <v>10000</v>
      </c>
      <c r="P13" s="45" t="s">
        <v>9</v>
      </c>
    </row>
    <row r="14" spans="1:16" x14ac:dyDescent="0.25">
      <c r="B14" s="44" t="s">
        <v>11</v>
      </c>
      <c r="I14" s="28"/>
      <c r="J14" s="28"/>
      <c r="O14" s="40">
        <v>10000</v>
      </c>
      <c r="P14" s="45" t="s">
        <v>9</v>
      </c>
    </row>
    <row r="15" spans="1:16" x14ac:dyDescent="0.25">
      <c r="B15" s="44" t="s">
        <v>12</v>
      </c>
      <c r="I15" s="28"/>
      <c r="J15" s="28"/>
      <c r="O15" s="40">
        <v>2000</v>
      </c>
      <c r="P15" s="45" t="s">
        <v>9</v>
      </c>
    </row>
    <row r="16" spans="1:16" ht="12" customHeight="1" x14ac:dyDescent="0.25">
      <c r="A16" s="41" t="s">
        <v>5</v>
      </c>
      <c r="B16" s="138" t="s">
        <v>13</v>
      </c>
      <c r="C16" s="138"/>
      <c r="D16" s="138"/>
      <c r="E16" s="138"/>
      <c r="F16" s="138"/>
      <c r="G16" s="138"/>
      <c r="H16" s="138"/>
      <c r="I16" s="138"/>
      <c r="J16" s="138"/>
      <c r="K16" s="138"/>
      <c r="L16" s="138"/>
      <c r="O16" s="40">
        <v>1000</v>
      </c>
    </row>
    <row r="17" spans="1:16" x14ac:dyDescent="0.25">
      <c r="A17" s="26" t="s">
        <v>5</v>
      </c>
      <c r="B17" s="45" t="s">
        <v>14</v>
      </c>
      <c r="I17" s="28"/>
      <c r="O17" s="36" t="s">
        <v>7</v>
      </c>
    </row>
    <row r="18" spans="1:16" x14ac:dyDescent="0.25">
      <c r="A18" s="26" t="s">
        <v>5</v>
      </c>
      <c r="B18" s="45" t="s">
        <v>15</v>
      </c>
      <c r="I18" s="28"/>
      <c r="O18" s="36" t="s">
        <v>7</v>
      </c>
    </row>
    <row r="19" spans="1:16" x14ac:dyDescent="0.25">
      <c r="A19" s="26" t="s">
        <v>5</v>
      </c>
      <c r="B19" s="141" t="s">
        <v>34</v>
      </c>
      <c r="C19" s="141"/>
      <c r="D19" s="141"/>
      <c r="E19" s="141"/>
      <c r="F19" s="141"/>
      <c r="G19" s="141"/>
      <c r="H19" s="141"/>
      <c r="I19" s="141"/>
      <c r="J19" s="141"/>
      <c r="K19" s="141"/>
      <c r="L19" s="141"/>
      <c r="M19" s="141"/>
      <c r="O19" s="36" t="s">
        <v>7</v>
      </c>
    </row>
    <row r="20" spans="1:16" x14ac:dyDescent="0.25">
      <c r="A20" s="41" t="s">
        <v>5</v>
      </c>
      <c r="B20" s="134" t="s">
        <v>91</v>
      </c>
      <c r="C20" s="134"/>
      <c r="D20" s="134"/>
      <c r="E20" s="134"/>
      <c r="F20" s="134"/>
      <c r="G20" s="134"/>
      <c r="H20" s="134"/>
      <c r="I20" s="134"/>
      <c r="J20" s="134"/>
      <c r="K20" s="134"/>
      <c r="L20" s="134"/>
      <c r="M20" s="134"/>
      <c r="N20" s="46"/>
      <c r="O20" s="42">
        <v>50000</v>
      </c>
    </row>
    <row r="21" spans="1:16" x14ac:dyDescent="0.25">
      <c r="A21" s="26" t="s">
        <v>5</v>
      </c>
      <c r="B21" s="45" t="s">
        <v>16</v>
      </c>
      <c r="I21" s="28"/>
      <c r="O21" s="36" t="s">
        <v>7</v>
      </c>
    </row>
    <row r="23" spans="1:16" ht="12" customHeight="1" x14ac:dyDescent="0.25">
      <c r="A23" s="137" t="s">
        <v>17</v>
      </c>
      <c r="B23" s="137"/>
      <c r="C23" s="137"/>
      <c r="D23" s="137"/>
      <c r="E23" s="137"/>
      <c r="F23" s="137"/>
      <c r="G23" s="137"/>
      <c r="H23" s="137"/>
      <c r="I23" s="137"/>
      <c r="J23" s="137"/>
      <c r="K23" s="137"/>
      <c r="L23" s="137"/>
      <c r="M23" s="137"/>
      <c r="N23" s="137"/>
      <c r="O23" s="137"/>
      <c r="P23" s="137"/>
    </row>
    <row r="24" spans="1:16" x14ac:dyDescent="0.25">
      <c r="A24" s="26" t="s">
        <v>5</v>
      </c>
      <c r="B24" s="45" t="s">
        <v>18</v>
      </c>
      <c r="I24" s="28"/>
      <c r="O24" s="47">
        <v>250</v>
      </c>
    </row>
    <row r="25" spans="1:16" x14ac:dyDescent="0.25">
      <c r="A25" s="26" t="s">
        <v>5</v>
      </c>
      <c r="B25" s="45" t="s">
        <v>19</v>
      </c>
      <c r="I25" s="28"/>
      <c r="O25" s="47">
        <v>250</v>
      </c>
    </row>
    <row r="26" spans="1:16" x14ac:dyDescent="0.25">
      <c r="A26" s="26" t="s">
        <v>5</v>
      </c>
      <c r="B26" s="45" t="s">
        <v>126</v>
      </c>
      <c r="I26" s="28"/>
      <c r="O26" s="50" t="s">
        <v>82</v>
      </c>
    </row>
    <row r="27" spans="1:16" x14ac:dyDescent="0.25">
      <c r="A27" s="41" t="s">
        <v>5</v>
      </c>
      <c r="B27" s="152" t="s">
        <v>127</v>
      </c>
      <c r="C27" s="152"/>
      <c r="D27" s="152"/>
      <c r="E27" s="152"/>
      <c r="F27" s="152"/>
      <c r="G27" s="152"/>
      <c r="H27" s="152"/>
      <c r="I27" s="152"/>
      <c r="J27" s="152"/>
      <c r="K27" s="152"/>
      <c r="L27" s="152"/>
      <c r="M27" s="152"/>
      <c r="N27" s="51"/>
      <c r="O27" s="73" t="s">
        <v>82</v>
      </c>
      <c r="P27" s="51"/>
    </row>
    <row r="28" spans="1:16" ht="12" customHeight="1" x14ac:dyDescent="0.25">
      <c r="A28" s="41" t="s">
        <v>5</v>
      </c>
      <c r="B28" s="148" t="s">
        <v>128</v>
      </c>
      <c r="C28" s="148"/>
      <c r="D28" s="148"/>
      <c r="E28" s="148"/>
      <c r="F28" s="148"/>
      <c r="G28" s="148"/>
      <c r="H28" s="148"/>
      <c r="I28" s="148"/>
      <c r="J28" s="148"/>
      <c r="K28" s="148"/>
      <c r="L28" s="148"/>
      <c r="M28" s="148"/>
      <c r="N28" s="84"/>
      <c r="O28" s="73" t="s">
        <v>82</v>
      </c>
      <c r="P28" s="84"/>
    </row>
    <row r="29" spans="1:16" x14ac:dyDescent="0.25">
      <c r="A29" s="36"/>
      <c r="B29" s="68" t="s">
        <v>280</v>
      </c>
      <c r="C29" s="50"/>
      <c r="D29" s="50"/>
      <c r="E29" s="50"/>
      <c r="F29" s="50"/>
      <c r="G29" s="50"/>
      <c r="H29" s="50"/>
      <c r="I29" s="49"/>
      <c r="J29" s="50"/>
      <c r="K29" s="49"/>
      <c r="L29" s="49"/>
      <c r="M29" s="49"/>
      <c r="N29" s="51"/>
      <c r="O29" s="51"/>
      <c r="P29" s="51"/>
    </row>
    <row r="30" spans="1:16" x14ac:dyDescent="0.25">
      <c r="I30" s="48"/>
    </row>
    <row r="31" spans="1:16" ht="12" customHeight="1" x14ac:dyDescent="0.25">
      <c r="A31" s="137" t="s">
        <v>20</v>
      </c>
      <c r="B31" s="137"/>
      <c r="C31" s="137"/>
      <c r="D31" s="137"/>
      <c r="E31" s="137"/>
      <c r="F31" s="137"/>
      <c r="G31" s="137"/>
      <c r="H31" s="137"/>
      <c r="I31" s="137"/>
      <c r="J31" s="137"/>
      <c r="K31" s="137"/>
      <c r="L31" s="137"/>
      <c r="M31" s="137"/>
      <c r="N31" s="137"/>
      <c r="O31" s="137"/>
      <c r="P31" s="137"/>
    </row>
    <row r="32" spans="1:16" ht="12" customHeight="1" x14ac:dyDescent="0.25">
      <c r="A32" s="41" t="s">
        <v>5</v>
      </c>
      <c r="B32" s="138" t="s">
        <v>87</v>
      </c>
      <c r="C32" s="138"/>
      <c r="D32" s="138"/>
      <c r="E32" s="138"/>
      <c r="F32" s="138"/>
      <c r="G32" s="138"/>
      <c r="H32" s="138"/>
      <c r="I32" s="138"/>
      <c r="J32" s="138"/>
      <c r="K32" s="138"/>
      <c r="L32" s="138"/>
      <c r="M32" s="138"/>
      <c r="N32" s="113"/>
    </row>
    <row r="33" spans="1:16" ht="12" customHeight="1" x14ac:dyDescent="0.25">
      <c r="A33" s="41" t="s">
        <v>5</v>
      </c>
      <c r="B33" s="138" t="s">
        <v>222</v>
      </c>
      <c r="C33" s="138"/>
      <c r="D33" s="138"/>
      <c r="E33" s="138"/>
      <c r="F33" s="138"/>
      <c r="G33" s="138"/>
      <c r="H33" s="138"/>
      <c r="I33" s="138"/>
      <c r="J33" s="138"/>
      <c r="K33" s="138"/>
      <c r="L33" s="138"/>
      <c r="M33" s="138"/>
      <c r="N33" s="138"/>
      <c r="O33" s="138"/>
      <c r="P33" s="138"/>
    </row>
    <row r="34" spans="1:16" ht="12" customHeight="1" x14ac:dyDescent="0.25">
      <c r="A34" s="26" t="s">
        <v>5</v>
      </c>
      <c r="B34" s="138" t="s">
        <v>223</v>
      </c>
      <c r="C34" s="138"/>
      <c r="D34" s="138"/>
      <c r="E34" s="138"/>
      <c r="F34" s="138"/>
      <c r="G34" s="138"/>
      <c r="H34" s="138"/>
      <c r="I34" s="138"/>
      <c r="J34" s="138"/>
      <c r="K34" s="138"/>
      <c r="L34" s="138"/>
      <c r="M34" s="138"/>
      <c r="N34" s="138"/>
      <c r="O34" s="138"/>
      <c r="P34" s="138"/>
    </row>
    <row r="35" spans="1:16" x14ac:dyDescent="0.25">
      <c r="A35" s="26" t="s">
        <v>5</v>
      </c>
      <c r="B35" s="141" t="s">
        <v>78</v>
      </c>
      <c r="C35" s="141"/>
      <c r="D35" s="141"/>
      <c r="E35" s="141"/>
      <c r="F35" s="141"/>
      <c r="G35" s="141"/>
      <c r="H35" s="141"/>
      <c r="I35" s="141"/>
      <c r="J35" s="141"/>
      <c r="K35" s="141"/>
      <c r="L35" s="141"/>
      <c r="M35" s="141"/>
      <c r="N35" s="141"/>
      <c r="O35" s="141"/>
      <c r="P35" s="141"/>
    </row>
    <row r="36" spans="1:16" ht="26.25" customHeight="1" x14ac:dyDescent="0.25">
      <c r="A36" s="41" t="s">
        <v>5</v>
      </c>
      <c r="B36" s="144" t="s">
        <v>96</v>
      </c>
      <c r="C36" s="144"/>
      <c r="D36" s="144"/>
      <c r="E36" s="144"/>
      <c r="F36" s="144"/>
      <c r="G36" s="144"/>
      <c r="H36" s="144"/>
      <c r="I36" s="144"/>
      <c r="J36" s="144"/>
      <c r="K36" s="144"/>
      <c r="L36" s="144"/>
      <c r="M36" s="144"/>
      <c r="N36" s="144"/>
      <c r="O36" s="144"/>
      <c r="P36" s="144"/>
    </row>
    <row r="37" spans="1:16" x14ac:dyDescent="0.25">
      <c r="A37" s="41" t="s">
        <v>5</v>
      </c>
      <c r="B37" s="142" t="s">
        <v>67</v>
      </c>
      <c r="C37" s="142"/>
      <c r="D37" s="142"/>
      <c r="E37" s="142"/>
      <c r="F37" s="142"/>
      <c r="G37" s="142"/>
      <c r="H37" s="142"/>
      <c r="I37" s="142"/>
      <c r="J37" s="142"/>
      <c r="K37" s="142"/>
      <c r="L37" s="142"/>
      <c r="M37" s="142"/>
      <c r="N37" s="142"/>
      <c r="O37" s="142"/>
      <c r="P37" s="142"/>
    </row>
    <row r="38" spans="1:16" x14ac:dyDescent="0.25">
      <c r="A38" s="26" t="s">
        <v>5</v>
      </c>
      <c r="B38" s="69" t="s">
        <v>65</v>
      </c>
      <c r="C38" s="63"/>
      <c r="D38" s="63"/>
      <c r="E38" s="63"/>
      <c r="F38" s="63"/>
      <c r="G38" s="63"/>
      <c r="H38" s="63"/>
      <c r="I38" s="63"/>
      <c r="J38" s="63"/>
      <c r="K38" s="70"/>
      <c r="L38" s="70"/>
      <c r="M38" s="70"/>
      <c r="N38" s="70"/>
      <c r="O38" s="70"/>
      <c r="P38" s="70"/>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45"/>
      <c r="B41" s="141" t="s">
        <v>21</v>
      </c>
      <c r="C41" s="141"/>
      <c r="D41" s="141"/>
      <c r="E41" s="141"/>
      <c r="F41" s="141"/>
      <c r="G41" s="141"/>
      <c r="H41" s="141"/>
      <c r="I41" s="141"/>
      <c r="J41" s="141"/>
      <c r="K41" s="141"/>
      <c r="L41" s="141"/>
      <c r="M41" s="141"/>
      <c r="N41" s="141"/>
      <c r="O41" s="141"/>
      <c r="P41" s="141"/>
    </row>
    <row r="42" spans="1:16" ht="25.5" customHeight="1" x14ac:dyDescent="0.25">
      <c r="A42" s="93"/>
      <c r="B42" s="139" t="s">
        <v>197</v>
      </c>
      <c r="C42" s="138"/>
      <c r="D42" s="138"/>
      <c r="E42" s="138"/>
      <c r="F42" s="138"/>
      <c r="G42" s="138"/>
      <c r="H42" s="138"/>
      <c r="I42" s="138"/>
      <c r="J42" s="138"/>
      <c r="K42" s="138"/>
      <c r="L42" s="138"/>
      <c r="M42" s="138"/>
      <c r="N42" s="138"/>
      <c r="O42" s="138"/>
      <c r="P42" s="138"/>
    </row>
    <row r="43" spans="1:16" ht="13.5" customHeight="1" x14ac:dyDescent="0.25"/>
    <row r="44" spans="1:16" ht="11.25" customHeight="1" x14ac:dyDescent="0.25">
      <c r="A44" s="137" t="s">
        <v>62</v>
      </c>
      <c r="B44" s="137"/>
      <c r="C44" s="137"/>
      <c r="D44" s="137"/>
      <c r="E44" s="137"/>
      <c r="F44" s="137"/>
      <c r="G44" s="137"/>
      <c r="H44" s="137"/>
      <c r="I44" s="137"/>
      <c r="J44" s="137"/>
      <c r="K44" s="137"/>
      <c r="L44" s="137"/>
      <c r="M44" s="137"/>
      <c r="N44" s="137"/>
      <c r="O44" s="137"/>
      <c r="P44" s="137"/>
    </row>
    <row r="45" spans="1:16" s="53" customFormat="1" x14ac:dyDescent="0.25">
      <c r="A45" s="41" t="s">
        <v>5</v>
      </c>
      <c r="B45" s="134" t="s">
        <v>63</v>
      </c>
      <c r="C45" s="134"/>
      <c r="D45" s="134"/>
      <c r="E45" s="134"/>
      <c r="F45" s="134"/>
      <c r="G45" s="134"/>
      <c r="H45" s="134"/>
      <c r="I45" s="134"/>
      <c r="J45" s="134"/>
      <c r="K45" s="134"/>
      <c r="L45" s="134"/>
      <c r="M45" s="134"/>
      <c r="N45" s="134"/>
      <c r="O45" s="134"/>
      <c r="P45" s="134"/>
    </row>
    <row r="46" spans="1:16" x14ac:dyDescent="0.25">
      <c r="A46" s="41" t="s">
        <v>5</v>
      </c>
      <c r="B46" s="138" t="s">
        <v>139</v>
      </c>
      <c r="C46" s="138"/>
      <c r="D46" s="138"/>
      <c r="E46" s="138"/>
      <c r="F46" s="138"/>
      <c r="G46" s="138"/>
      <c r="H46" s="138"/>
      <c r="I46" s="138"/>
      <c r="J46" s="138"/>
      <c r="K46" s="138"/>
      <c r="L46" s="138"/>
      <c r="M46" s="138"/>
      <c r="N46" s="138"/>
      <c r="O46" s="138"/>
      <c r="P46" s="138"/>
    </row>
    <row r="47" spans="1:16" s="53" customFormat="1" ht="12" customHeight="1" x14ac:dyDescent="0.25">
      <c r="A47" s="41" t="s">
        <v>5</v>
      </c>
      <c r="B47" s="134" t="s">
        <v>149</v>
      </c>
      <c r="C47" s="134"/>
      <c r="D47" s="134"/>
      <c r="E47" s="134"/>
      <c r="F47" s="134"/>
      <c r="G47" s="134"/>
      <c r="H47" s="134"/>
      <c r="I47" s="134"/>
      <c r="J47" s="134"/>
      <c r="K47" s="134"/>
      <c r="L47" s="134"/>
      <c r="M47" s="134"/>
      <c r="N47" s="134"/>
      <c r="O47" s="134"/>
      <c r="P47" s="134"/>
    </row>
    <row r="48" spans="1:16" s="53" customFormat="1" ht="37.5" customHeight="1" x14ac:dyDescent="0.25">
      <c r="A48" s="41" t="s">
        <v>5</v>
      </c>
      <c r="B48" s="134" t="s">
        <v>66</v>
      </c>
      <c r="C48" s="134"/>
      <c r="D48" s="134"/>
      <c r="E48" s="134"/>
      <c r="F48" s="134"/>
      <c r="G48" s="134"/>
      <c r="H48" s="134"/>
      <c r="I48" s="134"/>
      <c r="J48" s="134"/>
      <c r="K48" s="134"/>
      <c r="L48" s="134"/>
      <c r="M48" s="134"/>
      <c r="N48" s="134"/>
      <c r="O48" s="134"/>
      <c r="P48" s="134"/>
    </row>
    <row r="49" spans="1:16" s="53" customFormat="1" x14ac:dyDescent="0.25">
      <c r="A49" s="41" t="s">
        <v>5</v>
      </c>
      <c r="B49" s="135" t="s">
        <v>130</v>
      </c>
      <c r="C49" s="135"/>
      <c r="D49" s="135"/>
      <c r="E49" s="135"/>
      <c r="F49" s="135"/>
      <c r="G49" s="135"/>
      <c r="H49" s="135"/>
      <c r="I49" s="135"/>
      <c r="J49" s="135"/>
      <c r="K49" s="135"/>
      <c r="L49" s="135"/>
      <c r="M49" s="135"/>
      <c r="N49" s="135"/>
      <c r="O49" s="135"/>
      <c r="P49" s="135"/>
    </row>
    <row r="50" spans="1:16" ht="24" customHeight="1" x14ac:dyDescent="0.25">
      <c r="A50" s="41" t="s">
        <v>5</v>
      </c>
      <c r="B50" s="148" t="s">
        <v>142</v>
      </c>
      <c r="C50" s="148"/>
      <c r="D50" s="148"/>
      <c r="E50" s="148"/>
      <c r="F50" s="148"/>
      <c r="G50" s="148"/>
      <c r="H50" s="148"/>
      <c r="I50" s="148"/>
      <c r="J50" s="148"/>
      <c r="K50" s="148"/>
      <c r="L50" s="148"/>
      <c r="M50" s="148"/>
      <c r="N50" s="148"/>
      <c r="O50" s="148"/>
      <c r="P50" s="148"/>
    </row>
    <row r="51" spans="1:16" x14ac:dyDescent="0.25">
      <c r="A51" s="41" t="s">
        <v>5</v>
      </c>
      <c r="B51" s="136" t="s">
        <v>129</v>
      </c>
      <c r="C51" s="136"/>
      <c r="D51" s="136"/>
      <c r="E51" s="136"/>
      <c r="F51" s="136"/>
      <c r="G51" s="136"/>
      <c r="H51" s="136"/>
      <c r="I51" s="136"/>
      <c r="J51" s="136"/>
      <c r="K51" s="136"/>
      <c r="L51" s="136"/>
      <c r="M51" s="136"/>
      <c r="N51" s="136"/>
      <c r="O51" s="136"/>
      <c r="P51" s="136"/>
    </row>
    <row r="52" spans="1:16" s="53" customFormat="1" ht="24" customHeight="1" x14ac:dyDescent="0.25">
      <c r="A52" s="36" t="s">
        <v>5</v>
      </c>
      <c r="B52" s="147" t="s">
        <v>272</v>
      </c>
      <c r="C52" s="147"/>
      <c r="D52" s="147"/>
      <c r="E52" s="147"/>
      <c r="F52" s="147"/>
      <c r="G52" s="147"/>
      <c r="H52" s="147"/>
      <c r="I52" s="147"/>
      <c r="J52" s="147"/>
      <c r="K52" s="147"/>
      <c r="L52" s="147"/>
      <c r="M52" s="147"/>
      <c r="N52" s="147"/>
      <c r="O52" s="147"/>
      <c r="P52" s="147"/>
    </row>
    <row r="53" spans="1:16" s="49" customFormat="1" ht="12" customHeight="1" x14ac:dyDescent="0.25">
      <c r="A53" s="41" t="s">
        <v>5</v>
      </c>
      <c r="B53" s="147" t="s">
        <v>22</v>
      </c>
      <c r="C53" s="147"/>
      <c r="D53" s="147"/>
      <c r="E53" s="147"/>
      <c r="F53" s="147"/>
      <c r="G53" s="147"/>
      <c r="H53" s="147"/>
      <c r="I53" s="147"/>
      <c r="J53" s="147"/>
      <c r="K53" s="147"/>
      <c r="L53" s="147"/>
      <c r="M53" s="147"/>
      <c r="N53" s="147"/>
      <c r="O53" s="147"/>
    </row>
    <row r="54" spans="1:16" x14ac:dyDescent="0.25">
      <c r="A54" s="41"/>
      <c r="B54" s="54"/>
      <c r="C54" s="54"/>
      <c r="D54" s="54"/>
      <c r="E54" s="54"/>
      <c r="F54" s="54"/>
      <c r="G54" s="54"/>
      <c r="H54" s="54"/>
      <c r="I54" s="54"/>
      <c r="J54" s="54"/>
      <c r="K54" s="54"/>
      <c r="L54" s="54"/>
      <c r="M54" s="54"/>
      <c r="N54" s="54"/>
      <c r="O54" s="54"/>
      <c r="P54" s="54"/>
    </row>
    <row r="55" spans="1:16" ht="11.25" customHeight="1" x14ac:dyDescent="0.25">
      <c r="A55" s="137" t="s">
        <v>134</v>
      </c>
      <c r="B55" s="137"/>
      <c r="C55" s="137"/>
      <c r="D55" s="137"/>
      <c r="E55" s="137"/>
      <c r="F55" s="137"/>
      <c r="G55" s="137"/>
      <c r="H55" s="137"/>
      <c r="I55" s="137"/>
      <c r="J55" s="137"/>
      <c r="K55" s="137"/>
      <c r="L55" s="137"/>
      <c r="M55" s="137"/>
      <c r="N55" s="137"/>
      <c r="O55" s="137"/>
      <c r="P55" s="137"/>
    </row>
    <row r="56" spans="1:16" x14ac:dyDescent="0.25">
      <c r="A56" s="41"/>
      <c r="B56" s="82" t="s">
        <v>115</v>
      </c>
      <c r="C56" s="80"/>
      <c r="D56" s="80"/>
      <c r="E56" s="80"/>
      <c r="F56" s="80"/>
      <c r="G56" s="80"/>
      <c r="H56" s="80"/>
      <c r="I56" s="80"/>
      <c r="J56" s="80"/>
      <c r="K56" s="80"/>
      <c r="L56" s="80"/>
      <c r="M56" s="80"/>
      <c r="N56" s="80"/>
      <c r="O56" s="80"/>
      <c r="P56" s="80"/>
    </row>
    <row r="57" spans="1:16" ht="8.25" customHeight="1" x14ac:dyDescent="0.25">
      <c r="A57" s="41"/>
      <c r="B57" s="81"/>
      <c r="C57" s="80"/>
      <c r="D57" s="80"/>
      <c r="E57" s="80"/>
      <c r="F57" s="80"/>
      <c r="G57" s="80"/>
      <c r="H57" s="80"/>
      <c r="I57" s="80"/>
      <c r="J57" s="80"/>
      <c r="K57" s="80"/>
      <c r="L57" s="80"/>
      <c r="M57" s="80"/>
      <c r="N57" s="80"/>
      <c r="O57" s="80"/>
      <c r="P57" s="80"/>
    </row>
    <row r="58" spans="1:16" ht="66.75" customHeight="1" x14ac:dyDescent="0.25">
      <c r="A58" s="41"/>
      <c r="B58" s="136" t="s">
        <v>232</v>
      </c>
      <c r="C58" s="136"/>
      <c r="D58" s="136"/>
      <c r="E58" s="136"/>
      <c r="F58" s="136"/>
      <c r="G58" s="136"/>
      <c r="H58" s="136"/>
      <c r="I58" s="136"/>
      <c r="J58" s="136"/>
      <c r="K58" s="136"/>
      <c r="L58" s="136"/>
      <c r="M58" s="136"/>
      <c r="N58" s="136"/>
      <c r="O58" s="136"/>
      <c r="P58" s="136"/>
    </row>
    <row r="59" spans="1:16" s="53" customFormat="1" x14ac:dyDescent="0.25">
      <c r="A59" s="55"/>
      <c r="B59" s="57"/>
      <c r="C59" s="57"/>
      <c r="D59" s="57"/>
      <c r="E59" s="57"/>
      <c r="F59" s="57"/>
      <c r="G59" s="57"/>
      <c r="H59" s="57"/>
      <c r="I59" s="57"/>
      <c r="J59" s="57"/>
      <c r="K59" s="57"/>
      <c r="L59" s="57"/>
      <c r="M59" s="57"/>
      <c r="N59" s="57"/>
      <c r="O59" s="57"/>
      <c r="P59" s="57"/>
    </row>
    <row r="60" spans="1:16" ht="12" customHeight="1" x14ac:dyDescent="0.25">
      <c r="A60" s="137" t="s">
        <v>27</v>
      </c>
      <c r="B60" s="137"/>
      <c r="C60" s="137"/>
      <c r="D60" s="137"/>
      <c r="E60" s="137"/>
      <c r="F60" s="137"/>
      <c r="G60" s="137"/>
      <c r="H60" s="137"/>
      <c r="I60" s="137"/>
      <c r="J60" s="137"/>
      <c r="K60" s="137"/>
      <c r="L60" s="137"/>
      <c r="M60" s="137"/>
      <c r="N60" s="137"/>
      <c r="O60" s="137"/>
      <c r="P60" s="137"/>
    </row>
    <row r="62" spans="1:16" ht="29.25" customHeight="1" x14ac:dyDescent="0.25">
      <c r="B62" s="162" t="s">
        <v>137</v>
      </c>
      <c r="C62" s="162"/>
      <c r="D62" s="58">
        <v>0</v>
      </c>
      <c r="E62" s="58">
        <v>1</v>
      </c>
      <c r="F62" s="58">
        <v>2</v>
      </c>
      <c r="G62" s="58">
        <v>3</v>
      </c>
      <c r="H62" s="58">
        <v>4</v>
      </c>
      <c r="I62" s="58">
        <v>5</v>
      </c>
      <c r="J62" s="58">
        <v>6</v>
      </c>
      <c r="K62" s="58">
        <v>7</v>
      </c>
      <c r="L62" s="58">
        <v>8</v>
      </c>
      <c r="M62" s="58">
        <v>9</v>
      </c>
      <c r="N62" s="58">
        <v>10</v>
      </c>
      <c r="O62" s="58" t="s">
        <v>55</v>
      </c>
      <c r="P62" s="58" t="s">
        <v>133</v>
      </c>
    </row>
    <row r="63" spans="1:16" x14ac:dyDescent="0.25">
      <c r="B63" s="163" t="s">
        <v>93</v>
      </c>
      <c r="C63" s="163"/>
      <c r="D63" s="59">
        <v>2.8000000000000001E-2</v>
      </c>
      <c r="E63" s="59">
        <v>3.1E-2</v>
      </c>
      <c r="F63" s="59">
        <v>3.4000000000000002E-2</v>
      </c>
      <c r="G63" s="59">
        <v>3.6499999999999998E-2</v>
      </c>
      <c r="H63" s="59">
        <v>3.9E-2</v>
      </c>
      <c r="I63" s="59">
        <v>4.2000000000000003E-2</v>
      </c>
      <c r="J63" s="59">
        <v>4.4999999999999998E-2</v>
      </c>
      <c r="K63" s="59">
        <v>4.9000000000000002E-2</v>
      </c>
      <c r="L63" s="59">
        <v>5.0999999999999997E-2</v>
      </c>
      <c r="M63" s="59">
        <v>5.2999999999999999E-2</v>
      </c>
      <c r="N63" s="59">
        <v>5.5E-2</v>
      </c>
      <c r="O63" s="59">
        <v>5.7500000000000002E-2</v>
      </c>
      <c r="P63" s="83">
        <v>400</v>
      </c>
    </row>
    <row r="65" spans="1:256" s="49" customFormat="1" ht="12" customHeight="1" x14ac:dyDescent="0.25">
      <c r="A65" s="137" t="s">
        <v>138</v>
      </c>
      <c r="B65" s="137"/>
      <c r="C65" s="137"/>
      <c r="D65" s="137"/>
      <c r="E65" s="137"/>
      <c r="F65" s="137"/>
      <c r="G65" s="137"/>
      <c r="H65" s="137"/>
      <c r="I65" s="137"/>
      <c r="J65" s="137"/>
      <c r="K65" s="137"/>
      <c r="L65" s="137"/>
      <c r="M65" s="137"/>
      <c r="N65" s="137"/>
      <c r="O65" s="137"/>
      <c r="P65" s="137"/>
      <c r="Q65" s="156" t="s">
        <v>27</v>
      </c>
      <c r="R65" s="156"/>
      <c r="S65" s="156"/>
      <c r="T65" s="156"/>
      <c r="U65" s="156"/>
      <c r="V65" s="156"/>
      <c r="W65" s="156"/>
      <c r="X65" s="156"/>
      <c r="Y65" s="156"/>
      <c r="Z65" s="156"/>
      <c r="AA65" s="156"/>
      <c r="AB65" s="156"/>
      <c r="AC65" s="156"/>
      <c r="AD65" s="156"/>
      <c r="AE65" s="156"/>
      <c r="AF65" s="156"/>
      <c r="AG65" s="156" t="s">
        <v>27</v>
      </c>
      <c r="AH65" s="156"/>
      <c r="AI65" s="156"/>
      <c r="AJ65" s="156"/>
      <c r="AK65" s="156"/>
      <c r="AL65" s="156"/>
      <c r="AM65" s="156"/>
      <c r="AN65" s="156"/>
      <c r="AO65" s="156"/>
      <c r="AP65" s="156"/>
      <c r="AQ65" s="156"/>
      <c r="AR65" s="156"/>
      <c r="AS65" s="156"/>
      <c r="AT65" s="156"/>
      <c r="AU65" s="156"/>
      <c r="AV65" s="156"/>
      <c r="AW65" s="156" t="s">
        <v>27</v>
      </c>
      <c r="AX65" s="156"/>
      <c r="AY65" s="156"/>
      <c r="AZ65" s="156"/>
      <c r="BA65" s="156"/>
      <c r="BB65" s="156"/>
      <c r="BC65" s="156"/>
      <c r="BD65" s="156"/>
      <c r="BE65" s="156"/>
      <c r="BF65" s="156"/>
      <c r="BG65" s="156"/>
      <c r="BH65" s="156"/>
      <c r="BI65" s="156"/>
      <c r="BJ65" s="156"/>
      <c r="BK65" s="156"/>
      <c r="BL65" s="156"/>
      <c r="BM65" s="156" t="s">
        <v>27</v>
      </c>
      <c r="BN65" s="156"/>
      <c r="BO65" s="156"/>
      <c r="BP65" s="156"/>
      <c r="BQ65" s="156"/>
      <c r="BR65" s="156"/>
      <c r="BS65" s="156"/>
      <c r="BT65" s="156"/>
      <c r="BU65" s="156"/>
      <c r="BV65" s="156"/>
      <c r="BW65" s="156"/>
      <c r="BX65" s="156"/>
      <c r="BY65" s="156"/>
      <c r="BZ65" s="156"/>
      <c r="CA65" s="156"/>
      <c r="CB65" s="156"/>
      <c r="CC65" s="156" t="s">
        <v>27</v>
      </c>
      <c r="CD65" s="156"/>
      <c r="CE65" s="156"/>
      <c r="CF65" s="156"/>
      <c r="CG65" s="156"/>
      <c r="CH65" s="156"/>
      <c r="CI65" s="156"/>
      <c r="CJ65" s="156"/>
      <c r="CK65" s="156"/>
      <c r="CL65" s="156"/>
      <c r="CM65" s="156"/>
      <c r="CN65" s="156"/>
      <c r="CO65" s="156"/>
      <c r="CP65" s="156"/>
      <c r="CQ65" s="156"/>
      <c r="CR65" s="156"/>
      <c r="CS65" s="156" t="s">
        <v>27</v>
      </c>
      <c r="CT65" s="156"/>
      <c r="CU65" s="156"/>
      <c r="CV65" s="156"/>
      <c r="CW65" s="156"/>
      <c r="CX65" s="156"/>
      <c r="CY65" s="156"/>
      <c r="CZ65" s="156"/>
      <c r="DA65" s="156"/>
      <c r="DB65" s="156"/>
      <c r="DC65" s="156"/>
      <c r="DD65" s="156"/>
      <c r="DE65" s="156"/>
      <c r="DF65" s="156"/>
      <c r="DG65" s="156"/>
      <c r="DH65" s="156"/>
      <c r="DI65" s="156" t="s">
        <v>27</v>
      </c>
      <c r="DJ65" s="156"/>
      <c r="DK65" s="156"/>
      <c r="DL65" s="156"/>
      <c r="DM65" s="156"/>
      <c r="DN65" s="156"/>
      <c r="DO65" s="156"/>
      <c r="DP65" s="156"/>
      <c r="DQ65" s="156"/>
      <c r="DR65" s="156"/>
      <c r="DS65" s="156"/>
      <c r="DT65" s="156"/>
      <c r="DU65" s="156"/>
      <c r="DV65" s="156"/>
      <c r="DW65" s="156"/>
      <c r="DX65" s="156"/>
      <c r="DY65" s="156" t="s">
        <v>27</v>
      </c>
      <c r="DZ65" s="156"/>
      <c r="EA65" s="156"/>
      <c r="EB65" s="156"/>
      <c r="EC65" s="156"/>
      <c r="ED65" s="156"/>
      <c r="EE65" s="156"/>
      <c r="EF65" s="156"/>
      <c r="EG65" s="156"/>
      <c r="EH65" s="156"/>
      <c r="EI65" s="156"/>
      <c r="EJ65" s="156"/>
      <c r="EK65" s="156"/>
      <c r="EL65" s="156"/>
      <c r="EM65" s="156"/>
      <c r="EN65" s="156"/>
      <c r="EO65" s="156" t="s">
        <v>27</v>
      </c>
      <c r="EP65" s="156"/>
      <c r="EQ65" s="156"/>
      <c r="ER65" s="156"/>
      <c r="ES65" s="156"/>
      <c r="ET65" s="156"/>
      <c r="EU65" s="156"/>
      <c r="EV65" s="156"/>
      <c r="EW65" s="156"/>
      <c r="EX65" s="156"/>
      <c r="EY65" s="156"/>
      <c r="EZ65" s="156"/>
      <c r="FA65" s="156"/>
      <c r="FB65" s="156"/>
      <c r="FC65" s="156"/>
      <c r="FD65" s="156"/>
      <c r="FE65" s="156" t="s">
        <v>27</v>
      </c>
      <c r="FF65" s="156"/>
      <c r="FG65" s="156"/>
      <c r="FH65" s="156"/>
      <c r="FI65" s="156"/>
      <c r="FJ65" s="156"/>
      <c r="FK65" s="156"/>
      <c r="FL65" s="156"/>
      <c r="FM65" s="156"/>
      <c r="FN65" s="156"/>
      <c r="FO65" s="156"/>
      <c r="FP65" s="156"/>
      <c r="FQ65" s="156"/>
      <c r="FR65" s="156"/>
      <c r="FS65" s="156"/>
      <c r="FT65" s="156"/>
      <c r="FU65" s="156" t="s">
        <v>27</v>
      </c>
      <c r="FV65" s="156"/>
      <c r="FW65" s="156"/>
      <c r="FX65" s="156"/>
      <c r="FY65" s="156"/>
      <c r="FZ65" s="156"/>
      <c r="GA65" s="156"/>
      <c r="GB65" s="156"/>
      <c r="GC65" s="156"/>
      <c r="GD65" s="156"/>
      <c r="GE65" s="156"/>
      <c r="GF65" s="156"/>
      <c r="GG65" s="156"/>
      <c r="GH65" s="156"/>
      <c r="GI65" s="156"/>
      <c r="GJ65" s="156"/>
      <c r="GK65" s="156" t="s">
        <v>27</v>
      </c>
      <c r="GL65" s="156"/>
      <c r="GM65" s="156"/>
      <c r="GN65" s="156"/>
      <c r="GO65" s="156"/>
      <c r="GP65" s="156"/>
      <c r="GQ65" s="156"/>
      <c r="GR65" s="156"/>
      <c r="GS65" s="156"/>
      <c r="GT65" s="156"/>
      <c r="GU65" s="156"/>
      <c r="GV65" s="156"/>
      <c r="GW65" s="156"/>
      <c r="GX65" s="156"/>
      <c r="GY65" s="156"/>
      <c r="GZ65" s="156"/>
      <c r="HA65" s="156" t="s">
        <v>27</v>
      </c>
      <c r="HB65" s="156"/>
      <c r="HC65" s="156"/>
      <c r="HD65" s="156"/>
      <c r="HE65" s="156"/>
      <c r="HF65" s="156"/>
      <c r="HG65" s="156"/>
      <c r="HH65" s="156"/>
      <c r="HI65" s="156"/>
      <c r="HJ65" s="156"/>
      <c r="HK65" s="156"/>
      <c r="HL65" s="156"/>
      <c r="HM65" s="156"/>
      <c r="HN65" s="156"/>
      <c r="HO65" s="156"/>
      <c r="HP65" s="156"/>
      <c r="HQ65" s="156" t="s">
        <v>27</v>
      </c>
      <c r="HR65" s="156"/>
      <c r="HS65" s="156"/>
      <c r="HT65" s="156"/>
      <c r="HU65" s="156"/>
      <c r="HV65" s="156"/>
      <c r="HW65" s="156"/>
      <c r="HX65" s="156"/>
      <c r="HY65" s="156"/>
      <c r="HZ65" s="156"/>
      <c r="IA65" s="156"/>
      <c r="IB65" s="156"/>
      <c r="IC65" s="156"/>
      <c r="ID65" s="156"/>
      <c r="IE65" s="156"/>
      <c r="IF65" s="156"/>
      <c r="IG65" s="156" t="s">
        <v>27</v>
      </c>
      <c r="IH65" s="156"/>
      <c r="II65" s="156"/>
      <c r="IJ65" s="156"/>
      <c r="IK65" s="156"/>
      <c r="IL65" s="156"/>
      <c r="IM65" s="156"/>
      <c r="IN65" s="156"/>
      <c r="IO65" s="156"/>
      <c r="IP65" s="156"/>
      <c r="IQ65" s="156"/>
      <c r="IR65" s="156"/>
      <c r="IS65" s="156"/>
      <c r="IT65" s="156"/>
      <c r="IU65" s="156"/>
      <c r="IV65" s="156"/>
    </row>
    <row r="66" spans="1:256" x14ac:dyDescent="0.25">
      <c r="A66" s="26" t="s">
        <v>5</v>
      </c>
      <c r="B66" s="75" t="s">
        <v>31</v>
      </c>
      <c r="E66" s="62"/>
    </row>
    <row r="67" spans="1:256" x14ac:dyDescent="0.25">
      <c r="B67" s="45"/>
      <c r="C67" s="60"/>
    </row>
    <row r="68" spans="1:256" x14ac:dyDescent="0.25">
      <c r="D68" s="61"/>
      <c r="E68" s="61"/>
      <c r="F68" s="61"/>
      <c r="G68" s="61"/>
      <c r="H68" s="61"/>
      <c r="I68" s="61"/>
      <c r="J68" s="61"/>
      <c r="K68" s="61"/>
      <c r="L68" s="61"/>
      <c r="M68" s="61"/>
      <c r="N68" s="61"/>
      <c r="O68" s="61"/>
    </row>
    <row r="70" spans="1:256" x14ac:dyDescent="0.25">
      <c r="E70" s="62"/>
    </row>
    <row r="71" spans="1:256" s="26" customFormat="1" x14ac:dyDescent="0.25">
      <c r="D71" s="62"/>
      <c r="K71" s="28"/>
      <c r="L71" s="28"/>
      <c r="M71" s="28"/>
      <c r="N71" s="28"/>
      <c r="O71" s="28"/>
      <c r="P71" s="28"/>
      <c r="Q71" s="28"/>
      <c r="R71" s="28"/>
      <c r="S71" s="28"/>
      <c r="T71" s="28"/>
      <c r="U71" s="28"/>
      <c r="V71" s="28"/>
      <c r="W71" s="28"/>
      <c r="X71" s="28"/>
      <c r="Y71" s="28"/>
      <c r="Z71" s="28"/>
      <c r="AA71" s="28"/>
      <c r="AB71" s="28"/>
      <c r="AC71" s="28"/>
      <c r="AD71" s="28"/>
      <c r="AE71" s="28"/>
      <c r="AF71" s="28"/>
      <c r="AG71" s="28"/>
      <c r="AH71" s="28"/>
      <c r="AI71" s="28"/>
      <c r="AJ71" s="28"/>
      <c r="AK71" s="28"/>
      <c r="AL71" s="28"/>
      <c r="AM71" s="28"/>
      <c r="AN71" s="28"/>
      <c r="AO71" s="28"/>
      <c r="AP71" s="28"/>
      <c r="AQ71" s="28"/>
      <c r="AR71" s="28"/>
      <c r="AS71" s="28"/>
      <c r="AT71" s="28"/>
      <c r="AU71" s="28"/>
      <c r="AV71" s="28"/>
      <c r="AW71" s="28"/>
      <c r="AX71" s="28"/>
      <c r="AY71" s="28"/>
      <c r="AZ71" s="28"/>
      <c r="BA71" s="28"/>
      <c r="BB71" s="28"/>
      <c r="BC71" s="28"/>
      <c r="BD71" s="28"/>
      <c r="BE71" s="28"/>
      <c r="BF71" s="28"/>
      <c r="BG71" s="28"/>
      <c r="BH71" s="28"/>
      <c r="BI71" s="28"/>
      <c r="BJ71" s="28"/>
      <c r="BK71" s="28"/>
      <c r="BL71" s="28"/>
      <c r="BM71" s="28"/>
      <c r="BN71" s="28"/>
      <c r="BO71" s="28"/>
      <c r="BP71" s="28"/>
      <c r="BQ71" s="28"/>
      <c r="BR71" s="28"/>
      <c r="BS71" s="28"/>
      <c r="BT71" s="28"/>
      <c r="BU71" s="28"/>
      <c r="BV71" s="28"/>
      <c r="BW71" s="28"/>
      <c r="BX71" s="28"/>
      <c r="BY71" s="28"/>
      <c r="BZ71" s="28"/>
      <c r="CA71" s="28"/>
      <c r="CB71" s="28"/>
      <c r="CC71" s="28"/>
      <c r="CD71" s="28"/>
      <c r="CE71" s="28"/>
      <c r="CF71" s="28"/>
      <c r="CG71" s="28"/>
      <c r="CH71" s="28"/>
      <c r="CI71" s="28"/>
      <c r="CJ71" s="28"/>
      <c r="CK71" s="28"/>
      <c r="CL71" s="28"/>
      <c r="CM71" s="28"/>
      <c r="CN71" s="28"/>
      <c r="CO71" s="28"/>
      <c r="CP71" s="28"/>
      <c r="CQ71" s="28"/>
      <c r="CR71" s="28"/>
      <c r="CS71" s="28"/>
      <c r="CT71" s="28"/>
      <c r="CU71" s="28"/>
      <c r="CV71" s="28"/>
      <c r="CW71" s="28"/>
      <c r="CX71" s="28"/>
      <c r="CY71" s="28"/>
      <c r="CZ71" s="28"/>
      <c r="DA71" s="28"/>
      <c r="DB71" s="28"/>
      <c r="DC71" s="28"/>
      <c r="DD71" s="28"/>
      <c r="DE71" s="28"/>
      <c r="DF71" s="28"/>
      <c r="DG71" s="28"/>
      <c r="DH71" s="28"/>
      <c r="DI71" s="28"/>
      <c r="DJ71" s="28"/>
      <c r="DK71" s="28"/>
      <c r="DL71" s="28"/>
      <c r="DM71" s="28"/>
      <c r="DN71" s="28"/>
      <c r="DO71" s="28"/>
      <c r="DP71" s="28"/>
      <c r="DQ71" s="28"/>
      <c r="DR71" s="28"/>
      <c r="DS71" s="28"/>
      <c r="DT71" s="28"/>
      <c r="DU71" s="28"/>
      <c r="DV71" s="28"/>
      <c r="DW71" s="28"/>
      <c r="DX71" s="28"/>
      <c r="DY71" s="28"/>
      <c r="DZ71" s="28"/>
      <c r="EA71" s="28"/>
      <c r="EB71" s="28"/>
      <c r="EC71" s="28"/>
      <c r="ED71" s="28"/>
      <c r="EE71" s="28"/>
      <c r="EF71" s="28"/>
      <c r="EG71" s="28"/>
      <c r="EH71" s="28"/>
      <c r="EI71" s="28"/>
      <c r="EJ71" s="28"/>
      <c r="EK71" s="28"/>
      <c r="EL71" s="28"/>
      <c r="EM71" s="28"/>
      <c r="EN71" s="28"/>
      <c r="EO71" s="28"/>
      <c r="EP71" s="28"/>
      <c r="EQ71" s="28"/>
      <c r="ER71" s="28"/>
      <c r="ES71" s="28"/>
      <c r="ET71" s="28"/>
      <c r="EU71" s="28"/>
      <c r="EV71" s="28"/>
      <c r="EW71" s="28"/>
      <c r="EX71" s="28"/>
      <c r="EY71" s="28"/>
      <c r="EZ71" s="28"/>
      <c r="FA71" s="28"/>
      <c r="FB71" s="28"/>
      <c r="FC71" s="28"/>
      <c r="FD71" s="28"/>
      <c r="FE71" s="28"/>
      <c r="FF71" s="28"/>
      <c r="FG71" s="28"/>
      <c r="FH71" s="28"/>
      <c r="FI71" s="28"/>
      <c r="FJ71" s="28"/>
      <c r="FK71" s="28"/>
      <c r="FL71" s="28"/>
      <c r="FM71" s="28"/>
      <c r="FN71" s="28"/>
      <c r="FO71" s="28"/>
      <c r="FP71" s="28"/>
      <c r="FQ71" s="28"/>
      <c r="FR71" s="28"/>
      <c r="FS71" s="28"/>
      <c r="FT71" s="28"/>
      <c r="FU71" s="28"/>
      <c r="FV71" s="28"/>
      <c r="FW71" s="28"/>
      <c r="FX71" s="28"/>
      <c r="FY71" s="28"/>
      <c r="FZ71" s="28"/>
      <c r="GA71" s="28"/>
      <c r="GB71" s="28"/>
      <c r="GC71" s="28"/>
      <c r="GD71" s="28"/>
      <c r="GE71" s="28"/>
      <c r="GF71" s="28"/>
      <c r="GG71" s="28"/>
      <c r="GH71" s="28"/>
      <c r="GI71" s="28"/>
      <c r="GJ71" s="28"/>
      <c r="GK71" s="28"/>
      <c r="GL71" s="28"/>
      <c r="GM71" s="28"/>
      <c r="GN71" s="28"/>
      <c r="GO71" s="28"/>
      <c r="GP71" s="28"/>
      <c r="GQ71" s="28"/>
      <c r="GR71" s="28"/>
      <c r="GS71" s="28"/>
      <c r="GT71" s="28"/>
      <c r="GU71" s="28"/>
      <c r="GV71" s="28"/>
      <c r="GW71" s="28"/>
      <c r="GX71" s="28"/>
      <c r="GY71" s="28"/>
      <c r="GZ71" s="28"/>
      <c r="HA71" s="28"/>
      <c r="HB71" s="28"/>
      <c r="HC71" s="28"/>
      <c r="HD71" s="28"/>
      <c r="HE71" s="28"/>
      <c r="HF71" s="28"/>
      <c r="HG71" s="28"/>
      <c r="HH71" s="28"/>
      <c r="HI71" s="28"/>
      <c r="HJ71" s="28"/>
      <c r="HK71" s="28"/>
      <c r="HL71" s="28"/>
      <c r="HM71" s="28"/>
      <c r="HN71" s="28"/>
      <c r="HO71" s="28"/>
      <c r="HP71" s="28"/>
      <c r="HQ71" s="28"/>
      <c r="HR71" s="28"/>
      <c r="HS71" s="28"/>
      <c r="HT71" s="28"/>
      <c r="HU71" s="28"/>
      <c r="HV71" s="28"/>
      <c r="HW71" s="28"/>
      <c r="HX71" s="28"/>
      <c r="HY71" s="28"/>
      <c r="HZ71" s="28"/>
      <c r="IA71" s="28"/>
      <c r="IB71" s="28"/>
      <c r="IC71" s="28"/>
      <c r="ID71" s="28"/>
      <c r="IE71" s="28"/>
      <c r="IF71" s="28"/>
      <c r="IG71" s="28"/>
      <c r="IH71" s="28"/>
      <c r="II71" s="28"/>
      <c r="IJ71" s="28"/>
      <c r="IK71" s="28"/>
      <c r="IL71" s="28"/>
      <c r="IM71" s="28"/>
      <c r="IN71" s="28"/>
      <c r="IO71" s="28"/>
      <c r="IP71" s="28"/>
      <c r="IQ71" s="28"/>
      <c r="IR71" s="28"/>
      <c r="IS71" s="28"/>
      <c r="IT71" s="28"/>
      <c r="IU71" s="28"/>
      <c r="IV71" s="28"/>
    </row>
    <row r="153" spans="1:256" s="26" customFormat="1" x14ac:dyDescent="0.25">
      <c r="A153" s="63"/>
      <c r="B153" s="63"/>
      <c r="C153" s="63"/>
      <c r="D153" s="63"/>
      <c r="E153" s="63"/>
      <c r="F153" s="63"/>
      <c r="G153" s="63"/>
      <c r="H153" s="63"/>
      <c r="I153" s="63"/>
      <c r="K153" s="28"/>
      <c r="L153" s="28"/>
      <c r="M153" s="28"/>
      <c r="N153" s="28"/>
      <c r="O153" s="28"/>
      <c r="P153" s="28"/>
      <c r="Q153" s="28"/>
      <c r="R153" s="28"/>
      <c r="S153" s="28"/>
      <c r="T153" s="28"/>
      <c r="U153" s="28"/>
      <c r="V153" s="28"/>
      <c r="W153" s="28"/>
      <c r="X153" s="28"/>
      <c r="Y153" s="28"/>
      <c r="Z153" s="28"/>
      <c r="AA153" s="28"/>
      <c r="AB153" s="28"/>
      <c r="AC153" s="28"/>
      <c r="AD153" s="28"/>
      <c r="AE153" s="28"/>
      <c r="AF153" s="28"/>
      <c r="AG153" s="28"/>
      <c r="AH153" s="28"/>
      <c r="AI153" s="28"/>
      <c r="AJ153" s="28"/>
      <c r="AK153" s="28"/>
      <c r="AL153" s="28"/>
      <c r="AM153" s="28"/>
      <c r="AN153" s="28"/>
      <c r="AO153" s="28"/>
      <c r="AP153" s="28"/>
      <c r="AQ153" s="28"/>
      <c r="AR153" s="28"/>
      <c r="AS153" s="28"/>
      <c r="AT153" s="28"/>
      <c r="AU153" s="28"/>
      <c r="AV153" s="28"/>
      <c r="AW153" s="28"/>
      <c r="AX153" s="28"/>
      <c r="AY153" s="28"/>
      <c r="AZ153" s="28"/>
      <c r="BA153" s="28"/>
      <c r="BB153" s="28"/>
      <c r="BC153" s="28"/>
      <c r="BD153" s="28"/>
      <c r="BE153" s="28"/>
      <c r="BF153" s="28"/>
      <c r="BG153" s="28"/>
      <c r="BH153" s="28"/>
      <c r="BI153" s="28"/>
      <c r="BJ153" s="28"/>
      <c r="BK153" s="28"/>
      <c r="BL153" s="28"/>
      <c r="BM153" s="28"/>
      <c r="BN153" s="28"/>
      <c r="BO153" s="28"/>
      <c r="BP153" s="28"/>
      <c r="BQ153" s="28"/>
      <c r="BR153" s="28"/>
      <c r="BS153" s="28"/>
      <c r="BT153" s="28"/>
      <c r="BU153" s="28"/>
      <c r="BV153" s="28"/>
      <c r="BW153" s="28"/>
      <c r="BX153" s="28"/>
      <c r="BY153" s="28"/>
      <c r="BZ153" s="28"/>
      <c r="CA153" s="28"/>
      <c r="CB153" s="28"/>
      <c r="CC153" s="28"/>
      <c r="CD153" s="28"/>
      <c r="CE153" s="28"/>
      <c r="CF153" s="28"/>
      <c r="CG153" s="28"/>
      <c r="CH153" s="28"/>
      <c r="CI153" s="28"/>
      <c r="CJ153" s="28"/>
      <c r="CK153" s="28"/>
      <c r="CL153" s="28"/>
      <c r="CM153" s="28"/>
      <c r="CN153" s="28"/>
      <c r="CO153" s="28"/>
      <c r="CP153" s="28"/>
      <c r="CQ153" s="28"/>
      <c r="CR153" s="28"/>
      <c r="CS153" s="28"/>
      <c r="CT153" s="28"/>
      <c r="CU153" s="28"/>
      <c r="CV153" s="28"/>
      <c r="CW153" s="28"/>
      <c r="CX153" s="28"/>
      <c r="CY153" s="28"/>
      <c r="CZ153" s="28"/>
      <c r="DA153" s="28"/>
      <c r="DB153" s="28"/>
      <c r="DC153" s="28"/>
      <c r="DD153" s="28"/>
      <c r="DE153" s="28"/>
      <c r="DF153" s="28"/>
      <c r="DG153" s="28"/>
      <c r="DH153" s="28"/>
      <c r="DI153" s="28"/>
      <c r="DJ153" s="28"/>
      <c r="DK153" s="28"/>
      <c r="DL153" s="28"/>
      <c r="DM153" s="28"/>
      <c r="DN153" s="28"/>
      <c r="DO153" s="28"/>
      <c r="DP153" s="28"/>
      <c r="DQ153" s="28"/>
      <c r="DR153" s="28"/>
      <c r="DS153" s="28"/>
      <c r="DT153" s="28"/>
      <c r="DU153" s="28"/>
      <c r="DV153" s="28"/>
      <c r="DW153" s="28"/>
      <c r="DX153" s="28"/>
      <c r="DY153" s="28"/>
      <c r="DZ153" s="28"/>
      <c r="EA153" s="28"/>
      <c r="EB153" s="28"/>
      <c r="EC153" s="28"/>
      <c r="ED153" s="28"/>
      <c r="EE153" s="28"/>
      <c r="EF153" s="28"/>
      <c r="EG153" s="28"/>
      <c r="EH153" s="28"/>
      <c r="EI153" s="28"/>
      <c r="EJ153" s="28"/>
      <c r="EK153" s="28"/>
      <c r="EL153" s="28"/>
      <c r="EM153" s="28"/>
      <c r="EN153" s="28"/>
      <c r="EO153" s="28"/>
      <c r="EP153" s="28"/>
      <c r="EQ153" s="28"/>
      <c r="ER153" s="28"/>
      <c r="ES153" s="28"/>
      <c r="ET153" s="28"/>
      <c r="EU153" s="28"/>
      <c r="EV153" s="28"/>
      <c r="EW153" s="28"/>
      <c r="EX153" s="28"/>
      <c r="EY153" s="28"/>
      <c r="EZ153" s="28"/>
      <c r="FA153" s="28"/>
      <c r="FB153" s="28"/>
      <c r="FC153" s="28"/>
      <c r="FD153" s="28"/>
      <c r="FE153" s="28"/>
      <c r="FF153" s="28"/>
      <c r="FG153" s="28"/>
      <c r="FH153" s="28"/>
      <c r="FI153" s="28"/>
      <c r="FJ153" s="28"/>
      <c r="FK153" s="28"/>
      <c r="FL153" s="28"/>
      <c r="FM153" s="28"/>
      <c r="FN153" s="28"/>
      <c r="FO153" s="28"/>
      <c r="FP153" s="28"/>
      <c r="FQ153" s="28"/>
      <c r="FR153" s="28"/>
      <c r="FS153" s="28"/>
      <c r="FT153" s="28"/>
      <c r="FU153" s="28"/>
      <c r="FV153" s="28"/>
      <c r="FW153" s="28"/>
      <c r="FX153" s="28"/>
      <c r="FY153" s="28"/>
      <c r="FZ153" s="28"/>
      <c r="GA153" s="28"/>
      <c r="GB153" s="28"/>
      <c r="GC153" s="28"/>
      <c r="GD153" s="28"/>
      <c r="GE153" s="28"/>
      <c r="GF153" s="28"/>
      <c r="GG153" s="28"/>
      <c r="GH153" s="28"/>
      <c r="GI153" s="28"/>
      <c r="GJ153" s="28"/>
      <c r="GK153" s="28"/>
      <c r="GL153" s="28"/>
      <c r="GM153" s="28"/>
      <c r="GN153" s="28"/>
      <c r="GO153" s="28"/>
      <c r="GP153" s="28"/>
      <c r="GQ153" s="28"/>
      <c r="GR153" s="28"/>
      <c r="GS153" s="28"/>
      <c r="GT153" s="28"/>
      <c r="GU153" s="28"/>
      <c r="GV153" s="28"/>
      <c r="GW153" s="28"/>
      <c r="GX153" s="28"/>
      <c r="GY153" s="28"/>
      <c r="GZ153" s="28"/>
      <c r="HA153" s="28"/>
      <c r="HB153" s="28"/>
      <c r="HC153" s="28"/>
      <c r="HD153" s="28"/>
      <c r="HE153" s="28"/>
      <c r="HF153" s="28"/>
      <c r="HG153" s="28"/>
      <c r="HH153" s="28"/>
      <c r="HI153" s="28"/>
      <c r="HJ153" s="28"/>
      <c r="HK153" s="28"/>
      <c r="HL153" s="28"/>
      <c r="HM153" s="28"/>
      <c r="HN153" s="28"/>
      <c r="HO153" s="28"/>
      <c r="HP153" s="28"/>
      <c r="HQ153" s="28"/>
      <c r="HR153" s="28"/>
      <c r="HS153" s="28"/>
      <c r="HT153" s="28"/>
      <c r="HU153" s="28"/>
      <c r="HV153" s="28"/>
      <c r="HW153" s="28"/>
      <c r="HX153" s="28"/>
      <c r="HY153" s="28"/>
      <c r="HZ153" s="28"/>
      <c r="IA153" s="28"/>
      <c r="IB153" s="28"/>
      <c r="IC153" s="28"/>
      <c r="ID153" s="28"/>
      <c r="IE153" s="28"/>
      <c r="IF153" s="28"/>
      <c r="IG153" s="28"/>
      <c r="IH153" s="28"/>
      <c r="II153" s="28"/>
      <c r="IJ153" s="28"/>
      <c r="IK153" s="28"/>
      <c r="IL153" s="28"/>
      <c r="IM153" s="28"/>
      <c r="IN153" s="28"/>
      <c r="IO153" s="28"/>
      <c r="IP153" s="28"/>
      <c r="IQ153" s="28"/>
      <c r="IR153" s="28"/>
      <c r="IS153" s="28"/>
      <c r="IT153" s="28"/>
      <c r="IU153" s="28"/>
      <c r="IV153" s="28"/>
    </row>
  </sheetData>
  <mergeCells count="48">
    <mergeCell ref="B50:P50"/>
    <mergeCell ref="B34:P34"/>
    <mergeCell ref="B46:P46"/>
    <mergeCell ref="B47:P47"/>
    <mergeCell ref="B48:P48"/>
    <mergeCell ref="B49:P49"/>
    <mergeCell ref="A4:P4"/>
    <mergeCell ref="A9:P9"/>
    <mergeCell ref="B16:L16"/>
    <mergeCell ref="B19:M19"/>
    <mergeCell ref="B20:M20"/>
    <mergeCell ref="A23:P23"/>
    <mergeCell ref="B27:M27"/>
    <mergeCell ref="B28:M28"/>
    <mergeCell ref="A31:P31"/>
    <mergeCell ref="B32:M32"/>
    <mergeCell ref="B33:P33"/>
    <mergeCell ref="B35:P35"/>
    <mergeCell ref="B36:P36"/>
    <mergeCell ref="B37:P37"/>
    <mergeCell ref="B45:P45"/>
    <mergeCell ref="B41:P41"/>
    <mergeCell ref="A44:P44"/>
    <mergeCell ref="B42:P42"/>
    <mergeCell ref="B51:P51"/>
    <mergeCell ref="B52:P52"/>
    <mergeCell ref="B53:O53"/>
    <mergeCell ref="A55:P55"/>
    <mergeCell ref="HQ65:IF65"/>
    <mergeCell ref="A65:P65"/>
    <mergeCell ref="Q65:AF65"/>
    <mergeCell ref="B58:P58"/>
    <mergeCell ref="A60:P60"/>
    <mergeCell ref="B62:C62"/>
    <mergeCell ref="B63:C63"/>
    <mergeCell ref="IG65:IV65"/>
    <mergeCell ref="GK65:GZ65"/>
    <mergeCell ref="HA65:HP65"/>
    <mergeCell ref="AG65:AV65"/>
    <mergeCell ref="AW65:BL65"/>
    <mergeCell ref="BM65:CB65"/>
    <mergeCell ref="CC65:CR65"/>
    <mergeCell ref="CS65:DH65"/>
    <mergeCell ref="DI65:DX65"/>
    <mergeCell ref="FU65:GJ65"/>
    <mergeCell ref="DY65:EN65"/>
    <mergeCell ref="EO65:FD65"/>
    <mergeCell ref="FE65:FT65"/>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1">
    <pageSetUpPr fitToPage="1"/>
  </sheetPr>
  <dimension ref="A3:IV141"/>
  <sheetViews>
    <sheetView showGridLines="0" workbookViewId="0">
      <selection activeCell="B21" sqref="B21"/>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9" t="s">
        <v>98</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45" t="s">
        <v>6</v>
      </c>
      <c r="I10" s="28"/>
      <c r="O10" s="36" t="s">
        <v>7</v>
      </c>
    </row>
    <row r="11" spans="1:16" x14ac:dyDescent="0.25">
      <c r="A11" s="26" t="s">
        <v>5</v>
      </c>
      <c r="B11" s="45" t="s">
        <v>8</v>
      </c>
      <c r="I11" s="28"/>
      <c r="O11" s="40">
        <v>50000</v>
      </c>
    </row>
    <row r="12" spans="1:16" x14ac:dyDescent="0.25">
      <c r="A12" s="26" t="s">
        <v>5</v>
      </c>
      <c r="B12" s="45" t="s">
        <v>14</v>
      </c>
      <c r="I12" s="28"/>
      <c r="O12" s="36" t="s">
        <v>7</v>
      </c>
    </row>
    <row r="13" spans="1:16" x14ac:dyDescent="0.25">
      <c r="A13" s="26" t="s">
        <v>5</v>
      </c>
      <c r="B13" s="45" t="s">
        <v>15</v>
      </c>
      <c r="I13" s="28"/>
      <c r="O13" s="36" t="s">
        <v>7</v>
      </c>
    </row>
    <row r="14" spans="1:16" x14ac:dyDescent="0.25">
      <c r="A14" s="26" t="s">
        <v>5</v>
      </c>
      <c r="B14" s="141" t="s">
        <v>34</v>
      </c>
      <c r="C14" s="141"/>
      <c r="D14" s="141"/>
      <c r="E14" s="141"/>
      <c r="F14" s="141"/>
      <c r="G14" s="141"/>
      <c r="H14" s="141"/>
      <c r="I14" s="141"/>
      <c r="J14" s="141"/>
      <c r="K14" s="141"/>
      <c r="L14" s="141"/>
      <c r="M14" s="141"/>
      <c r="O14" s="36" t="s">
        <v>7</v>
      </c>
    </row>
    <row r="15" spans="1:16" x14ac:dyDescent="0.25">
      <c r="A15" s="41" t="s">
        <v>5</v>
      </c>
      <c r="B15" s="134" t="s">
        <v>91</v>
      </c>
      <c r="C15" s="134"/>
      <c r="D15" s="134"/>
      <c r="E15" s="134"/>
      <c r="F15" s="134"/>
      <c r="G15" s="134"/>
      <c r="H15" s="134"/>
      <c r="I15" s="134"/>
      <c r="J15" s="134"/>
      <c r="K15" s="134"/>
      <c r="L15" s="134"/>
      <c r="M15" s="134"/>
      <c r="N15" s="46"/>
      <c r="O15" s="42">
        <v>30000</v>
      </c>
    </row>
    <row r="17" spans="1:16" ht="12" customHeight="1" x14ac:dyDescent="0.25">
      <c r="A17" s="137" t="s">
        <v>17</v>
      </c>
      <c r="B17" s="137"/>
      <c r="C17" s="137"/>
      <c r="D17" s="137"/>
      <c r="E17" s="137"/>
      <c r="F17" s="137"/>
      <c r="G17" s="137"/>
      <c r="H17" s="137"/>
      <c r="I17" s="137"/>
      <c r="J17" s="137"/>
      <c r="K17" s="137"/>
      <c r="L17" s="137"/>
      <c r="M17" s="137"/>
      <c r="N17" s="137"/>
      <c r="O17" s="137"/>
      <c r="P17" s="137"/>
    </row>
    <row r="18" spans="1:16" x14ac:dyDescent="0.25">
      <c r="A18" s="26" t="s">
        <v>5</v>
      </c>
      <c r="B18" s="45" t="s">
        <v>18</v>
      </c>
      <c r="I18" s="28"/>
      <c r="O18" s="47">
        <v>250</v>
      </c>
    </row>
    <row r="19" spans="1:16" x14ac:dyDescent="0.25">
      <c r="A19" s="41" t="s">
        <v>5</v>
      </c>
      <c r="B19" s="152" t="s">
        <v>127</v>
      </c>
      <c r="C19" s="152"/>
      <c r="D19" s="152"/>
      <c r="E19" s="152"/>
      <c r="F19" s="152"/>
      <c r="G19" s="152"/>
      <c r="H19" s="152"/>
      <c r="I19" s="152"/>
      <c r="J19" s="152"/>
      <c r="K19" s="152"/>
      <c r="L19" s="152"/>
      <c r="M19" s="152"/>
      <c r="N19" s="51"/>
      <c r="O19" s="73" t="s">
        <v>82</v>
      </c>
      <c r="P19" s="51"/>
    </row>
    <row r="20" spans="1:16" ht="12" customHeight="1" x14ac:dyDescent="0.25">
      <c r="A20" s="41" t="s">
        <v>5</v>
      </c>
      <c r="B20" s="148" t="s">
        <v>128</v>
      </c>
      <c r="C20" s="148"/>
      <c r="D20" s="148"/>
      <c r="E20" s="148"/>
      <c r="F20" s="148"/>
      <c r="G20" s="148"/>
      <c r="H20" s="148"/>
      <c r="I20" s="148"/>
      <c r="J20" s="148"/>
      <c r="K20" s="148"/>
      <c r="L20" s="148"/>
      <c r="M20" s="148"/>
      <c r="N20" s="84"/>
      <c r="O20" s="73" t="s">
        <v>82</v>
      </c>
      <c r="P20" s="84"/>
    </row>
    <row r="21" spans="1:16" x14ac:dyDescent="0.25">
      <c r="A21" s="36"/>
      <c r="B21" s="68" t="s">
        <v>280</v>
      </c>
      <c r="C21" s="50"/>
      <c r="D21" s="50"/>
      <c r="E21" s="50"/>
      <c r="F21" s="50"/>
      <c r="G21" s="50"/>
      <c r="H21" s="50"/>
      <c r="I21" s="49"/>
      <c r="J21" s="50"/>
      <c r="K21" s="49"/>
      <c r="L21" s="49"/>
      <c r="M21" s="49"/>
      <c r="N21" s="51"/>
      <c r="O21" s="51"/>
      <c r="P21" s="51"/>
    </row>
    <row r="22" spans="1:16" x14ac:dyDescent="0.25">
      <c r="I22" s="48"/>
    </row>
    <row r="23" spans="1:16" ht="12" customHeight="1" x14ac:dyDescent="0.25">
      <c r="A23" s="137" t="s">
        <v>20</v>
      </c>
      <c r="B23" s="137"/>
      <c r="C23" s="137"/>
      <c r="D23" s="137"/>
      <c r="E23" s="137"/>
      <c r="F23" s="137"/>
      <c r="G23" s="137"/>
      <c r="H23" s="137"/>
      <c r="I23" s="137"/>
      <c r="J23" s="137"/>
      <c r="K23" s="137"/>
      <c r="L23" s="137"/>
      <c r="M23" s="137"/>
      <c r="N23" s="137"/>
      <c r="O23" s="137"/>
      <c r="P23" s="137"/>
    </row>
    <row r="24" spans="1:16" ht="12" customHeight="1" x14ac:dyDescent="0.25">
      <c r="A24" s="41" t="s">
        <v>5</v>
      </c>
      <c r="B24" s="138" t="s">
        <v>87</v>
      </c>
      <c r="C24" s="138"/>
      <c r="D24" s="138"/>
      <c r="E24" s="138"/>
      <c r="F24" s="138"/>
      <c r="G24" s="138"/>
      <c r="H24" s="138"/>
      <c r="I24" s="138"/>
      <c r="J24" s="138"/>
      <c r="K24" s="138"/>
      <c r="L24" s="138"/>
      <c r="M24" s="138"/>
      <c r="N24" s="113"/>
    </row>
    <row r="25" spans="1:16" ht="12" customHeight="1" x14ac:dyDescent="0.25">
      <c r="A25" s="41" t="s">
        <v>5</v>
      </c>
      <c r="B25" s="138" t="s">
        <v>222</v>
      </c>
      <c r="C25" s="138"/>
      <c r="D25" s="138"/>
      <c r="E25" s="138"/>
      <c r="F25" s="138"/>
      <c r="G25" s="138"/>
      <c r="H25" s="138"/>
      <c r="I25" s="138"/>
      <c r="J25" s="138"/>
      <c r="K25" s="138"/>
      <c r="L25" s="138"/>
      <c r="M25" s="138"/>
      <c r="N25" s="138"/>
      <c r="O25" s="138"/>
      <c r="P25" s="138"/>
    </row>
    <row r="26" spans="1:16" ht="12" customHeight="1" x14ac:dyDescent="0.25">
      <c r="A26" s="41" t="s">
        <v>5</v>
      </c>
      <c r="B26" s="138" t="s">
        <v>223</v>
      </c>
      <c r="C26" s="138"/>
      <c r="D26" s="138"/>
      <c r="E26" s="138"/>
      <c r="F26" s="138"/>
      <c r="G26" s="138"/>
      <c r="H26" s="138"/>
      <c r="I26" s="138"/>
      <c r="J26" s="138"/>
      <c r="K26" s="138"/>
      <c r="L26" s="138"/>
      <c r="M26" s="138"/>
      <c r="N26" s="138"/>
      <c r="O26" s="138"/>
      <c r="P26" s="138"/>
    </row>
    <row r="27" spans="1:16" x14ac:dyDescent="0.25">
      <c r="A27" s="26" t="s">
        <v>5</v>
      </c>
      <c r="B27" s="141" t="s">
        <v>64</v>
      </c>
      <c r="C27" s="141"/>
      <c r="D27" s="141"/>
      <c r="E27" s="141"/>
      <c r="F27" s="141"/>
      <c r="G27" s="141"/>
      <c r="H27" s="141"/>
      <c r="I27" s="141"/>
      <c r="J27" s="141"/>
      <c r="K27" s="141"/>
      <c r="L27" s="141"/>
      <c r="M27" s="141"/>
      <c r="N27" s="141"/>
      <c r="O27" s="141"/>
      <c r="P27" s="141"/>
    </row>
    <row r="28" spans="1:16" ht="23.25" customHeight="1" x14ac:dyDescent="0.25">
      <c r="A28" s="41" t="s">
        <v>5</v>
      </c>
      <c r="B28" s="144" t="s">
        <v>150</v>
      </c>
      <c r="C28" s="144"/>
      <c r="D28" s="144"/>
      <c r="E28" s="144"/>
      <c r="F28" s="144"/>
      <c r="G28" s="144"/>
      <c r="H28" s="144"/>
      <c r="I28" s="144"/>
      <c r="J28" s="144"/>
      <c r="K28" s="144"/>
      <c r="L28" s="144"/>
      <c r="M28" s="144"/>
      <c r="N28" s="144"/>
      <c r="O28" s="144"/>
      <c r="P28" s="144"/>
    </row>
    <row r="29" spans="1:16" x14ac:dyDescent="0.25">
      <c r="A29" s="26" t="s">
        <v>5</v>
      </c>
      <c r="B29" s="124" t="s">
        <v>279</v>
      </c>
      <c r="C29" s="1"/>
      <c r="D29" s="72"/>
      <c r="E29" s="72"/>
      <c r="F29" s="72"/>
      <c r="G29" s="72"/>
      <c r="H29" s="72"/>
      <c r="I29" s="72"/>
      <c r="J29" s="72"/>
      <c r="K29" s="53"/>
      <c r="L29" s="53"/>
      <c r="M29" s="53"/>
      <c r="N29" s="53"/>
      <c r="O29" s="53"/>
      <c r="P29" s="53"/>
    </row>
    <row r="31" spans="1:16" x14ac:dyDescent="0.25">
      <c r="A31" s="45"/>
      <c r="B31" s="141" t="s">
        <v>21</v>
      </c>
      <c r="C31" s="141"/>
      <c r="D31" s="141"/>
      <c r="E31" s="141"/>
      <c r="F31" s="141"/>
      <c r="G31" s="141"/>
      <c r="H31" s="141"/>
      <c r="I31" s="141"/>
      <c r="J31" s="141"/>
      <c r="K31" s="141"/>
      <c r="L31" s="141"/>
      <c r="M31" s="141"/>
      <c r="N31" s="141"/>
      <c r="O31" s="141"/>
      <c r="P31" s="141"/>
    </row>
    <row r="32" spans="1:16" ht="25.5" customHeight="1" x14ac:dyDescent="0.25">
      <c r="A32" s="93"/>
      <c r="B32" s="139" t="s">
        <v>197</v>
      </c>
      <c r="C32" s="138"/>
      <c r="D32" s="138"/>
      <c r="E32" s="138"/>
      <c r="F32" s="138"/>
      <c r="G32" s="138"/>
      <c r="H32" s="138"/>
      <c r="I32" s="138"/>
      <c r="J32" s="138"/>
      <c r="K32" s="138"/>
      <c r="L32" s="138"/>
      <c r="M32" s="138"/>
      <c r="N32" s="138"/>
      <c r="O32" s="138"/>
      <c r="P32" s="138"/>
    </row>
    <row r="33" spans="1:16" ht="13.5" customHeight="1" x14ac:dyDescent="0.25"/>
    <row r="34" spans="1:16" ht="11.25" customHeight="1" x14ac:dyDescent="0.25">
      <c r="A34" s="137" t="s">
        <v>62</v>
      </c>
      <c r="B34" s="137"/>
      <c r="C34" s="137"/>
      <c r="D34" s="137"/>
      <c r="E34" s="137"/>
      <c r="F34" s="137"/>
      <c r="G34" s="137"/>
      <c r="H34" s="137"/>
      <c r="I34" s="137"/>
      <c r="J34" s="137"/>
      <c r="K34" s="137"/>
      <c r="L34" s="137"/>
      <c r="M34" s="137"/>
      <c r="N34" s="137"/>
      <c r="O34" s="137"/>
      <c r="P34" s="137"/>
    </row>
    <row r="35" spans="1:16" s="53" customFormat="1" x14ac:dyDescent="0.25">
      <c r="A35" s="41" t="s">
        <v>5</v>
      </c>
      <c r="B35" s="134" t="s">
        <v>63</v>
      </c>
      <c r="C35" s="134"/>
      <c r="D35" s="134"/>
      <c r="E35" s="134"/>
      <c r="F35" s="134"/>
      <c r="G35" s="134"/>
      <c r="H35" s="134"/>
      <c r="I35" s="134"/>
      <c r="J35" s="134"/>
      <c r="K35" s="134"/>
      <c r="L35" s="134"/>
      <c r="M35" s="134"/>
      <c r="N35" s="134"/>
      <c r="O35" s="134"/>
      <c r="P35" s="134"/>
    </row>
    <row r="36" spans="1:16" x14ac:dyDescent="0.25">
      <c r="A36" s="41" t="s">
        <v>5</v>
      </c>
      <c r="B36" s="138" t="s">
        <v>139</v>
      </c>
      <c r="C36" s="138"/>
      <c r="D36" s="138"/>
      <c r="E36" s="138"/>
      <c r="F36" s="138"/>
      <c r="G36" s="138"/>
      <c r="H36" s="138"/>
      <c r="I36" s="138"/>
      <c r="J36" s="138"/>
      <c r="K36" s="138"/>
      <c r="L36" s="138"/>
      <c r="M36" s="138"/>
      <c r="N36" s="138"/>
      <c r="O36" s="138"/>
      <c r="P36" s="138"/>
    </row>
    <row r="37" spans="1:16" s="53" customFormat="1" x14ac:dyDescent="0.25">
      <c r="A37" s="41" t="s">
        <v>5</v>
      </c>
      <c r="B37" s="135" t="s">
        <v>130</v>
      </c>
      <c r="C37" s="135"/>
      <c r="D37" s="135"/>
      <c r="E37" s="135"/>
      <c r="F37" s="135"/>
      <c r="G37" s="135"/>
      <c r="H37" s="135"/>
      <c r="I37" s="135"/>
      <c r="J37" s="135"/>
      <c r="K37" s="135"/>
      <c r="L37" s="135"/>
      <c r="M37" s="135"/>
      <c r="N37" s="135"/>
      <c r="O37" s="135"/>
      <c r="P37" s="135"/>
    </row>
    <row r="38" spans="1:16" x14ac:dyDescent="0.25">
      <c r="A38" s="41" t="s">
        <v>5</v>
      </c>
      <c r="B38" s="136" t="s">
        <v>129</v>
      </c>
      <c r="C38" s="136"/>
      <c r="D38" s="136"/>
      <c r="E38" s="136"/>
      <c r="F38" s="136"/>
      <c r="G38" s="136"/>
      <c r="H38" s="136"/>
      <c r="I38" s="136"/>
      <c r="J38" s="136"/>
      <c r="K38" s="136"/>
      <c r="L38" s="136"/>
      <c r="M38" s="136"/>
      <c r="N38" s="136"/>
      <c r="O38" s="136"/>
      <c r="P38" s="136"/>
    </row>
    <row r="39" spans="1:16" s="53" customFormat="1" x14ac:dyDescent="0.25">
      <c r="A39" s="36" t="s">
        <v>5</v>
      </c>
      <c r="B39" s="147" t="s">
        <v>151</v>
      </c>
      <c r="C39" s="147"/>
      <c r="D39" s="147"/>
      <c r="E39" s="147"/>
      <c r="F39" s="147"/>
      <c r="G39" s="147"/>
      <c r="H39" s="147"/>
      <c r="I39" s="147"/>
      <c r="J39" s="147"/>
      <c r="K39" s="147"/>
      <c r="L39" s="147"/>
      <c r="M39" s="147"/>
      <c r="N39" s="147"/>
      <c r="O39" s="147"/>
      <c r="P39" s="147"/>
    </row>
    <row r="40" spans="1:16" s="49" customFormat="1" ht="12" customHeight="1" x14ac:dyDescent="0.25">
      <c r="A40" s="41" t="s">
        <v>5</v>
      </c>
      <c r="B40" s="147" t="s">
        <v>22</v>
      </c>
      <c r="C40" s="147"/>
      <c r="D40" s="147"/>
      <c r="E40" s="147"/>
      <c r="F40" s="147"/>
      <c r="G40" s="147"/>
      <c r="H40" s="147"/>
      <c r="I40" s="147"/>
      <c r="J40" s="147"/>
      <c r="K40" s="147"/>
      <c r="L40" s="147"/>
      <c r="M40" s="147"/>
      <c r="N40" s="147"/>
      <c r="O40" s="147"/>
    </row>
    <row r="41" spans="1:16" x14ac:dyDescent="0.25">
      <c r="A41" s="41"/>
      <c r="B41" s="54"/>
      <c r="C41" s="54"/>
      <c r="D41" s="54"/>
      <c r="E41" s="54"/>
      <c r="F41" s="54"/>
      <c r="G41" s="54"/>
      <c r="H41" s="54"/>
      <c r="I41" s="54"/>
      <c r="J41" s="54"/>
      <c r="K41" s="54"/>
      <c r="L41" s="54"/>
      <c r="M41" s="54"/>
      <c r="N41" s="54"/>
      <c r="O41" s="54"/>
      <c r="P41" s="54"/>
    </row>
    <row r="42" spans="1:16" ht="11.25" customHeight="1" x14ac:dyDescent="0.25">
      <c r="A42" s="137" t="s">
        <v>134</v>
      </c>
      <c r="B42" s="137"/>
      <c r="C42" s="137"/>
      <c r="D42" s="137"/>
      <c r="E42" s="137"/>
      <c r="F42" s="137"/>
      <c r="G42" s="137"/>
      <c r="H42" s="137"/>
      <c r="I42" s="137"/>
      <c r="J42" s="137"/>
      <c r="K42" s="137"/>
      <c r="L42" s="137"/>
      <c r="M42" s="137"/>
      <c r="N42" s="137"/>
      <c r="O42" s="137"/>
      <c r="P42" s="137"/>
    </row>
    <row r="43" spans="1:16" s="53" customFormat="1" x14ac:dyDescent="0.25">
      <c r="A43" s="55"/>
      <c r="B43" s="56"/>
      <c r="C43" s="56"/>
      <c r="D43" s="56"/>
      <c r="E43" s="56"/>
      <c r="F43" s="56"/>
      <c r="G43" s="56"/>
      <c r="H43" s="56"/>
      <c r="I43" s="56"/>
      <c r="J43" s="56"/>
      <c r="K43" s="56"/>
      <c r="L43" s="56"/>
      <c r="M43" s="56"/>
      <c r="N43" s="56"/>
      <c r="O43" s="56"/>
      <c r="P43" s="56"/>
    </row>
    <row r="44" spans="1:16" x14ac:dyDescent="0.25">
      <c r="A44" s="41"/>
      <c r="B44" s="82" t="s">
        <v>115</v>
      </c>
      <c r="C44" s="80"/>
      <c r="D44" s="80"/>
      <c r="E44" s="80"/>
      <c r="F44" s="80"/>
      <c r="G44" s="80"/>
      <c r="H44" s="80"/>
      <c r="I44" s="80"/>
      <c r="J44" s="80"/>
      <c r="K44" s="80"/>
      <c r="L44" s="80"/>
      <c r="M44" s="80"/>
      <c r="N44" s="80"/>
      <c r="O44" s="80"/>
      <c r="P44" s="80"/>
    </row>
    <row r="45" spans="1:16" ht="8.25" customHeight="1" x14ac:dyDescent="0.25">
      <c r="A45" s="41"/>
      <c r="B45" s="81"/>
      <c r="C45" s="80"/>
      <c r="D45" s="80"/>
      <c r="E45" s="80"/>
      <c r="F45" s="80"/>
      <c r="G45" s="80"/>
      <c r="H45" s="80"/>
      <c r="I45" s="80"/>
      <c r="J45" s="80"/>
      <c r="K45" s="80"/>
      <c r="L45" s="80"/>
      <c r="M45" s="80"/>
      <c r="N45" s="80"/>
      <c r="O45" s="80"/>
      <c r="P45" s="80"/>
    </row>
    <row r="46" spans="1:16" ht="66.75" customHeight="1" x14ac:dyDescent="0.25">
      <c r="A46" s="41"/>
      <c r="B46" s="136" t="s">
        <v>232</v>
      </c>
      <c r="C46" s="136"/>
      <c r="D46" s="136"/>
      <c r="E46" s="136"/>
      <c r="F46" s="136"/>
      <c r="G46" s="136"/>
      <c r="H46" s="136"/>
      <c r="I46" s="136"/>
      <c r="J46" s="136"/>
      <c r="K46" s="136"/>
      <c r="L46" s="136"/>
      <c r="M46" s="136"/>
      <c r="N46" s="136"/>
      <c r="O46" s="136"/>
      <c r="P46" s="136"/>
    </row>
    <row r="47" spans="1:16" s="53" customFormat="1" x14ac:dyDescent="0.25">
      <c r="A47" s="55"/>
      <c r="B47" s="57"/>
      <c r="C47" s="57"/>
      <c r="D47" s="57"/>
      <c r="E47" s="57"/>
      <c r="F47" s="57"/>
      <c r="G47" s="57"/>
      <c r="H47" s="57"/>
      <c r="I47" s="57"/>
      <c r="J47" s="57"/>
      <c r="K47" s="57"/>
      <c r="L47" s="57"/>
      <c r="M47" s="57"/>
      <c r="N47" s="57"/>
      <c r="O47" s="57"/>
      <c r="P47" s="57"/>
    </row>
    <row r="48" spans="1:16" ht="12" customHeight="1" x14ac:dyDescent="0.25">
      <c r="A48" s="137" t="s">
        <v>27</v>
      </c>
      <c r="B48" s="137"/>
      <c r="C48" s="137"/>
      <c r="D48" s="137"/>
      <c r="E48" s="137"/>
      <c r="F48" s="137"/>
      <c r="G48" s="137"/>
      <c r="H48" s="137"/>
      <c r="I48" s="137"/>
      <c r="J48" s="137"/>
      <c r="K48" s="137"/>
      <c r="L48" s="137"/>
      <c r="M48" s="137"/>
      <c r="N48" s="137"/>
      <c r="O48" s="137"/>
      <c r="P48" s="137"/>
    </row>
    <row r="50" spans="1:256" ht="29.25" customHeight="1" x14ac:dyDescent="0.25">
      <c r="B50" s="162" t="s">
        <v>137</v>
      </c>
      <c r="C50" s="162"/>
      <c r="D50" s="58">
        <v>0</v>
      </c>
      <c r="E50" s="58">
        <v>1</v>
      </c>
      <c r="F50" s="58">
        <v>2</v>
      </c>
      <c r="G50" s="58">
        <v>3</v>
      </c>
      <c r="H50" s="58">
        <v>4</v>
      </c>
      <c r="I50" s="58">
        <v>5</v>
      </c>
      <c r="J50" s="58">
        <v>6</v>
      </c>
      <c r="K50" s="58">
        <v>7</v>
      </c>
      <c r="L50" s="58">
        <v>8</v>
      </c>
      <c r="M50" s="58">
        <v>9</v>
      </c>
      <c r="N50" s="58">
        <v>10</v>
      </c>
      <c r="O50" s="58" t="s">
        <v>55</v>
      </c>
      <c r="P50" s="58" t="s">
        <v>133</v>
      </c>
    </row>
    <row r="51" spans="1:256" x14ac:dyDescent="0.25">
      <c r="B51" s="163" t="s">
        <v>93</v>
      </c>
      <c r="C51" s="163"/>
      <c r="D51" s="59">
        <v>5.5500000000000001E-2</v>
      </c>
      <c r="E51" s="59">
        <v>5.5500000000000001E-2</v>
      </c>
      <c r="F51" s="59">
        <v>7.3499999999999996E-2</v>
      </c>
      <c r="G51" s="59">
        <v>7.3499999999999996E-2</v>
      </c>
      <c r="H51" s="59">
        <v>9.2000000000000012E-2</v>
      </c>
      <c r="I51" s="59">
        <v>9.2000000000000012E-2</v>
      </c>
      <c r="J51" s="59">
        <v>9.2000000000000012E-2</v>
      </c>
      <c r="K51" s="59">
        <v>9.2000000000000012E-2</v>
      </c>
      <c r="L51" s="59">
        <v>9.2000000000000012E-2</v>
      </c>
      <c r="M51" s="59">
        <v>9.2000000000000012E-2</v>
      </c>
      <c r="N51" s="59">
        <v>9.2000000000000012E-2</v>
      </c>
      <c r="O51" s="59">
        <v>9.2000000000000012E-2</v>
      </c>
      <c r="P51" s="83">
        <v>150</v>
      </c>
    </row>
    <row r="53" spans="1:256" s="49" customFormat="1" ht="12" customHeight="1" x14ac:dyDescent="0.25">
      <c r="A53" s="137" t="s">
        <v>138</v>
      </c>
      <c r="B53" s="137"/>
      <c r="C53" s="137"/>
      <c r="D53" s="137"/>
      <c r="E53" s="137"/>
      <c r="F53" s="137"/>
      <c r="G53" s="137"/>
      <c r="H53" s="137"/>
      <c r="I53" s="137"/>
      <c r="J53" s="137"/>
      <c r="K53" s="137"/>
      <c r="L53" s="137"/>
      <c r="M53" s="137"/>
      <c r="N53" s="137"/>
      <c r="O53" s="137"/>
      <c r="P53" s="137"/>
      <c r="Q53" s="156" t="s">
        <v>27</v>
      </c>
      <c r="R53" s="156"/>
      <c r="S53" s="156"/>
      <c r="T53" s="156"/>
      <c r="U53" s="156"/>
      <c r="V53" s="156"/>
      <c r="W53" s="156"/>
      <c r="X53" s="156"/>
      <c r="Y53" s="156"/>
      <c r="Z53" s="156"/>
      <c r="AA53" s="156"/>
      <c r="AB53" s="156"/>
      <c r="AC53" s="156"/>
      <c r="AD53" s="156"/>
      <c r="AE53" s="156"/>
      <c r="AF53" s="156"/>
      <c r="AG53" s="156" t="s">
        <v>27</v>
      </c>
      <c r="AH53" s="156"/>
      <c r="AI53" s="156"/>
      <c r="AJ53" s="156"/>
      <c r="AK53" s="156"/>
      <c r="AL53" s="156"/>
      <c r="AM53" s="156"/>
      <c r="AN53" s="156"/>
      <c r="AO53" s="156"/>
      <c r="AP53" s="156"/>
      <c r="AQ53" s="156"/>
      <c r="AR53" s="156"/>
      <c r="AS53" s="156"/>
      <c r="AT53" s="156"/>
      <c r="AU53" s="156"/>
      <c r="AV53" s="156"/>
      <c r="AW53" s="156" t="s">
        <v>27</v>
      </c>
      <c r="AX53" s="156"/>
      <c r="AY53" s="156"/>
      <c r="AZ53" s="156"/>
      <c r="BA53" s="156"/>
      <c r="BB53" s="156"/>
      <c r="BC53" s="156"/>
      <c r="BD53" s="156"/>
      <c r="BE53" s="156"/>
      <c r="BF53" s="156"/>
      <c r="BG53" s="156"/>
      <c r="BH53" s="156"/>
      <c r="BI53" s="156"/>
      <c r="BJ53" s="156"/>
      <c r="BK53" s="156"/>
      <c r="BL53" s="156"/>
      <c r="BM53" s="156" t="s">
        <v>27</v>
      </c>
      <c r="BN53" s="156"/>
      <c r="BO53" s="156"/>
      <c r="BP53" s="156"/>
      <c r="BQ53" s="156"/>
      <c r="BR53" s="156"/>
      <c r="BS53" s="156"/>
      <c r="BT53" s="156"/>
      <c r="BU53" s="156"/>
      <c r="BV53" s="156"/>
      <c r="BW53" s="156"/>
      <c r="BX53" s="156"/>
      <c r="BY53" s="156"/>
      <c r="BZ53" s="156"/>
      <c r="CA53" s="156"/>
      <c r="CB53" s="156"/>
      <c r="CC53" s="156" t="s">
        <v>27</v>
      </c>
      <c r="CD53" s="156"/>
      <c r="CE53" s="156"/>
      <c r="CF53" s="156"/>
      <c r="CG53" s="156"/>
      <c r="CH53" s="156"/>
      <c r="CI53" s="156"/>
      <c r="CJ53" s="156"/>
      <c r="CK53" s="156"/>
      <c r="CL53" s="156"/>
      <c r="CM53" s="156"/>
      <c r="CN53" s="156"/>
      <c r="CO53" s="156"/>
      <c r="CP53" s="156"/>
      <c r="CQ53" s="156"/>
      <c r="CR53" s="156"/>
      <c r="CS53" s="156" t="s">
        <v>27</v>
      </c>
      <c r="CT53" s="156"/>
      <c r="CU53" s="156"/>
      <c r="CV53" s="156"/>
      <c r="CW53" s="156"/>
      <c r="CX53" s="156"/>
      <c r="CY53" s="156"/>
      <c r="CZ53" s="156"/>
      <c r="DA53" s="156"/>
      <c r="DB53" s="156"/>
      <c r="DC53" s="156"/>
      <c r="DD53" s="156"/>
      <c r="DE53" s="156"/>
      <c r="DF53" s="156"/>
      <c r="DG53" s="156"/>
      <c r="DH53" s="156"/>
      <c r="DI53" s="156" t="s">
        <v>27</v>
      </c>
      <c r="DJ53" s="156"/>
      <c r="DK53" s="156"/>
      <c r="DL53" s="156"/>
      <c r="DM53" s="156"/>
      <c r="DN53" s="156"/>
      <c r="DO53" s="156"/>
      <c r="DP53" s="156"/>
      <c r="DQ53" s="156"/>
      <c r="DR53" s="156"/>
      <c r="DS53" s="156"/>
      <c r="DT53" s="156"/>
      <c r="DU53" s="156"/>
      <c r="DV53" s="156"/>
      <c r="DW53" s="156"/>
      <c r="DX53" s="156"/>
      <c r="DY53" s="156" t="s">
        <v>27</v>
      </c>
      <c r="DZ53" s="156"/>
      <c r="EA53" s="156"/>
      <c r="EB53" s="156"/>
      <c r="EC53" s="156"/>
      <c r="ED53" s="156"/>
      <c r="EE53" s="156"/>
      <c r="EF53" s="156"/>
      <c r="EG53" s="156"/>
      <c r="EH53" s="156"/>
      <c r="EI53" s="156"/>
      <c r="EJ53" s="156"/>
      <c r="EK53" s="156"/>
      <c r="EL53" s="156"/>
      <c r="EM53" s="156"/>
      <c r="EN53" s="156"/>
      <c r="EO53" s="156" t="s">
        <v>27</v>
      </c>
      <c r="EP53" s="156"/>
      <c r="EQ53" s="156"/>
      <c r="ER53" s="156"/>
      <c r="ES53" s="156"/>
      <c r="ET53" s="156"/>
      <c r="EU53" s="156"/>
      <c r="EV53" s="156"/>
      <c r="EW53" s="156"/>
      <c r="EX53" s="156"/>
      <c r="EY53" s="156"/>
      <c r="EZ53" s="156"/>
      <c r="FA53" s="156"/>
      <c r="FB53" s="156"/>
      <c r="FC53" s="156"/>
      <c r="FD53" s="156"/>
      <c r="FE53" s="156" t="s">
        <v>27</v>
      </c>
      <c r="FF53" s="156"/>
      <c r="FG53" s="156"/>
      <c r="FH53" s="156"/>
      <c r="FI53" s="156"/>
      <c r="FJ53" s="156"/>
      <c r="FK53" s="156"/>
      <c r="FL53" s="156"/>
      <c r="FM53" s="156"/>
      <c r="FN53" s="156"/>
      <c r="FO53" s="156"/>
      <c r="FP53" s="156"/>
      <c r="FQ53" s="156"/>
      <c r="FR53" s="156"/>
      <c r="FS53" s="156"/>
      <c r="FT53" s="156"/>
      <c r="FU53" s="156" t="s">
        <v>27</v>
      </c>
      <c r="FV53" s="156"/>
      <c r="FW53" s="156"/>
      <c r="FX53" s="156"/>
      <c r="FY53" s="156"/>
      <c r="FZ53" s="156"/>
      <c r="GA53" s="156"/>
      <c r="GB53" s="156"/>
      <c r="GC53" s="156"/>
      <c r="GD53" s="156"/>
      <c r="GE53" s="156"/>
      <c r="GF53" s="156"/>
      <c r="GG53" s="156"/>
      <c r="GH53" s="156"/>
      <c r="GI53" s="156"/>
      <c r="GJ53" s="156"/>
      <c r="GK53" s="156" t="s">
        <v>27</v>
      </c>
      <c r="GL53" s="156"/>
      <c r="GM53" s="156"/>
      <c r="GN53" s="156"/>
      <c r="GO53" s="156"/>
      <c r="GP53" s="156"/>
      <c r="GQ53" s="156"/>
      <c r="GR53" s="156"/>
      <c r="GS53" s="156"/>
      <c r="GT53" s="156"/>
      <c r="GU53" s="156"/>
      <c r="GV53" s="156"/>
      <c r="GW53" s="156"/>
      <c r="GX53" s="156"/>
      <c r="GY53" s="156"/>
      <c r="GZ53" s="156"/>
      <c r="HA53" s="156" t="s">
        <v>27</v>
      </c>
      <c r="HB53" s="156"/>
      <c r="HC53" s="156"/>
      <c r="HD53" s="156"/>
      <c r="HE53" s="156"/>
      <c r="HF53" s="156"/>
      <c r="HG53" s="156"/>
      <c r="HH53" s="156"/>
      <c r="HI53" s="156"/>
      <c r="HJ53" s="156"/>
      <c r="HK53" s="156"/>
      <c r="HL53" s="156"/>
      <c r="HM53" s="156"/>
      <c r="HN53" s="156"/>
      <c r="HO53" s="156"/>
      <c r="HP53" s="156"/>
      <c r="HQ53" s="156" t="s">
        <v>27</v>
      </c>
      <c r="HR53" s="156"/>
      <c r="HS53" s="156"/>
      <c r="HT53" s="156"/>
      <c r="HU53" s="156"/>
      <c r="HV53" s="156"/>
      <c r="HW53" s="156"/>
      <c r="HX53" s="156"/>
      <c r="HY53" s="156"/>
      <c r="HZ53" s="156"/>
      <c r="IA53" s="156"/>
      <c r="IB53" s="156"/>
      <c r="IC53" s="156"/>
      <c r="ID53" s="156"/>
      <c r="IE53" s="156"/>
      <c r="IF53" s="156"/>
      <c r="IG53" s="156" t="s">
        <v>27</v>
      </c>
      <c r="IH53" s="156"/>
      <c r="II53" s="156"/>
      <c r="IJ53" s="156"/>
      <c r="IK53" s="156"/>
      <c r="IL53" s="156"/>
      <c r="IM53" s="156"/>
      <c r="IN53" s="156"/>
      <c r="IO53" s="156"/>
      <c r="IP53" s="156"/>
      <c r="IQ53" s="156"/>
      <c r="IR53" s="156"/>
      <c r="IS53" s="156"/>
      <c r="IT53" s="156"/>
      <c r="IU53" s="156"/>
      <c r="IV53" s="156"/>
    </row>
    <row r="54" spans="1:256" x14ac:dyDescent="0.25">
      <c r="A54" s="26" t="s">
        <v>5</v>
      </c>
      <c r="B54" s="45" t="s">
        <v>31</v>
      </c>
    </row>
    <row r="55" spans="1:256" x14ac:dyDescent="0.25">
      <c r="B55" s="45"/>
      <c r="C55" s="60"/>
    </row>
    <row r="56" spans="1:256" x14ac:dyDescent="0.25">
      <c r="D56" s="61"/>
      <c r="E56" s="61"/>
      <c r="F56" s="61"/>
      <c r="G56" s="61"/>
      <c r="H56" s="61"/>
      <c r="I56" s="61"/>
      <c r="J56" s="61"/>
      <c r="K56" s="61"/>
      <c r="L56" s="61"/>
      <c r="M56" s="61"/>
      <c r="N56" s="61"/>
      <c r="O56" s="61"/>
    </row>
    <row r="59" spans="1:256" s="26" customFormat="1" x14ac:dyDescent="0.25">
      <c r="D59" s="62"/>
      <c r="K59" s="28"/>
      <c r="L59" s="28"/>
      <c r="M59" s="28"/>
      <c r="N59" s="28"/>
      <c r="O59" s="28"/>
      <c r="P59" s="28"/>
      <c r="Q59" s="28"/>
      <c r="R59" s="28"/>
      <c r="S59" s="28"/>
      <c r="T59" s="28"/>
      <c r="U59" s="28"/>
      <c r="V59" s="28"/>
      <c r="W59" s="28"/>
      <c r="X59" s="28"/>
      <c r="Y59" s="28"/>
      <c r="Z59" s="28"/>
      <c r="AA59" s="28"/>
      <c r="AB59" s="28"/>
      <c r="AC59" s="28"/>
      <c r="AD59" s="28"/>
      <c r="AE59" s="28"/>
      <c r="AF59" s="28"/>
      <c r="AG59" s="28"/>
      <c r="AH59" s="28"/>
      <c r="AI59" s="28"/>
      <c r="AJ59" s="28"/>
      <c r="AK59" s="28"/>
      <c r="AL59" s="28"/>
      <c r="AM59" s="28"/>
      <c r="AN59" s="28"/>
      <c r="AO59" s="28"/>
      <c r="AP59" s="28"/>
      <c r="AQ59" s="28"/>
      <c r="AR59" s="28"/>
      <c r="AS59" s="28"/>
      <c r="AT59" s="28"/>
      <c r="AU59" s="28"/>
      <c r="AV59" s="28"/>
      <c r="AW59" s="28"/>
      <c r="AX59" s="28"/>
      <c r="AY59" s="28"/>
      <c r="AZ59" s="28"/>
      <c r="BA59" s="28"/>
      <c r="BB59" s="28"/>
      <c r="BC59" s="28"/>
      <c r="BD59" s="28"/>
      <c r="BE59" s="28"/>
      <c r="BF59" s="28"/>
      <c r="BG59" s="28"/>
      <c r="BH59" s="28"/>
      <c r="BI59" s="28"/>
      <c r="BJ59" s="28"/>
      <c r="BK59" s="28"/>
      <c r="BL59" s="28"/>
      <c r="BM59" s="28"/>
      <c r="BN59" s="28"/>
      <c r="BO59" s="28"/>
      <c r="BP59" s="28"/>
      <c r="BQ59" s="28"/>
      <c r="BR59" s="28"/>
      <c r="BS59" s="28"/>
      <c r="BT59" s="28"/>
      <c r="BU59" s="28"/>
      <c r="BV59" s="28"/>
      <c r="BW59" s="28"/>
      <c r="BX59" s="28"/>
      <c r="BY59" s="28"/>
      <c r="BZ59" s="28"/>
      <c r="CA59" s="28"/>
      <c r="CB59" s="28"/>
      <c r="CC59" s="28"/>
      <c r="CD59" s="28"/>
      <c r="CE59" s="28"/>
      <c r="CF59" s="28"/>
      <c r="CG59" s="28"/>
      <c r="CH59" s="28"/>
      <c r="CI59" s="28"/>
      <c r="CJ59" s="28"/>
      <c r="CK59" s="28"/>
      <c r="CL59" s="28"/>
      <c r="CM59" s="28"/>
      <c r="CN59" s="28"/>
      <c r="CO59" s="28"/>
      <c r="CP59" s="28"/>
      <c r="CQ59" s="28"/>
      <c r="CR59" s="28"/>
      <c r="CS59" s="28"/>
      <c r="CT59" s="28"/>
      <c r="CU59" s="28"/>
      <c r="CV59" s="28"/>
      <c r="CW59" s="28"/>
      <c r="CX59" s="28"/>
      <c r="CY59" s="28"/>
      <c r="CZ59" s="28"/>
      <c r="DA59" s="28"/>
      <c r="DB59" s="28"/>
      <c r="DC59" s="28"/>
      <c r="DD59" s="28"/>
      <c r="DE59" s="28"/>
      <c r="DF59" s="28"/>
      <c r="DG59" s="28"/>
      <c r="DH59" s="28"/>
      <c r="DI59" s="28"/>
      <c r="DJ59" s="28"/>
      <c r="DK59" s="28"/>
      <c r="DL59" s="28"/>
      <c r="DM59" s="28"/>
      <c r="DN59" s="28"/>
      <c r="DO59" s="28"/>
      <c r="DP59" s="28"/>
      <c r="DQ59" s="28"/>
      <c r="DR59" s="28"/>
      <c r="DS59" s="28"/>
      <c r="DT59" s="28"/>
      <c r="DU59" s="28"/>
      <c r="DV59" s="28"/>
      <c r="DW59" s="28"/>
      <c r="DX59" s="28"/>
      <c r="DY59" s="28"/>
      <c r="DZ59" s="28"/>
      <c r="EA59" s="28"/>
      <c r="EB59" s="28"/>
      <c r="EC59" s="28"/>
      <c r="ED59" s="28"/>
      <c r="EE59" s="28"/>
      <c r="EF59" s="28"/>
      <c r="EG59" s="28"/>
      <c r="EH59" s="28"/>
      <c r="EI59" s="28"/>
      <c r="EJ59" s="28"/>
      <c r="EK59" s="28"/>
      <c r="EL59" s="28"/>
      <c r="EM59" s="28"/>
      <c r="EN59" s="28"/>
      <c r="EO59" s="28"/>
      <c r="EP59" s="28"/>
      <c r="EQ59" s="28"/>
      <c r="ER59" s="28"/>
      <c r="ES59" s="28"/>
      <c r="ET59" s="28"/>
      <c r="EU59" s="28"/>
      <c r="EV59" s="28"/>
      <c r="EW59" s="28"/>
      <c r="EX59" s="28"/>
      <c r="EY59" s="28"/>
      <c r="EZ59" s="28"/>
      <c r="FA59" s="28"/>
      <c r="FB59" s="28"/>
      <c r="FC59" s="28"/>
      <c r="FD59" s="28"/>
      <c r="FE59" s="28"/>
      <c r="FF59" s="28"/>
      <c r="FG59" s="28"/>
      <c r="FH59" s="28"/>
      <c r="FI59" s="28"/>
      <c r="FJ59" s="28"/>
      <c r="FK59" s="28"/>
      <c r="FL59" s="28"/>
      <c r="FM59" s="28"/>
      <c r="FN59" s="28"/>
      <c r="FO59" s="28"/>
      <c r="FP59" s="28"/>
      <c r="FQ59" s="28"/>
      <c r="FR59" s="28"/>
      <c r="FS59" s="28"/>
      <c r="FT59" s="28"/>
      <c r="FU59" s="28"/>
      <c r="FV59" s="28"/>
      <c r="FW59" s="28"/>
      <c r="FX59" s="28"/>
      <c r="FY59" s="28"/>
      <c r="FZ59" s="28"/>
      <c r="GA59" s="28"/>
      <c r="GB59" s="28"/>
      <c r="GC59" s="28"/>
      <c r="GD59" s="28"/>
      <c r="GE59" s="28"/>
      <c r="GF59" s="28"/>
      <c r="GG59" s="28"/>
      <c r="GH59" s="28"/>
      <c r="GI59" s="28"/>
      <c r="GJ59" s="28"/>
      <c r="GK59" s="28"/>
      <c r="GL59" s="28"/>
      <c r="GM59" s="28"/>
      <c r="GN59" s="28"/>
      <c r="GO59" s="28"/>
      <c r="GP59" s="28"/>
      <c r="GQ59" s="28"/>
      <c r="GR59" s="28"/>
      <c r="GS59" s="28"/>
      <c r="GT59" s="28"/>
      <c r="GU59" s="28"/>
      <c r="GV59" s="28"/>
      <c r="GW59" s="28"/>
      <c r="GX59" s="28"/>
      <c r="GY59" s="28"/>
      <c r="GZ59" s="28"/>
      <c r="HA59" s="28"/>
      <c r="HB59" s="28"/>
      <c r="HC59" s="28"/>
      <c r="HD59" s="28"/>
      <c r="HE59" s="28"/>
      <c r="HF59" s="28"/>
      <c r="HG59" s="28"/>
      <c r="HH59" s="28"/>
      <c r="HI59" s="28"/>
      <c r="HJ59" s="28"/>
      <c r="HK59" s="28"/>
      <c r="HL59" s="28"/>
      <c r="HM59" s="28"/>
      <c r="HN59" s="28"/>
      <c r="HO59" s="28"/>
      <c r="HP59" s="28"/>
      <c r="HQ59" s="28"/>
      <c r="HR59" s="28"/>
      <c r="HS59" s="28"/>
      <c r="HT59" s="28"/>
      <c r="HU59" s="28"/>
      <c r="HV59" s="28"/>
      <c r="HW59" s="28"/>
      <c r="HX59" s="28"/>
      <c r="HY59" s="28"/>
      <c r="HZ59" s="28"/>
      <c r="IA59" s="28"/>
      <c r="IB59" s="28"/>
      <c r="IC59" s="28"/>
      <c r="ID59" s="28"/>
      <c r="IE59" s="28"/>
      <c r="IF59" s="28"/>
      <c r="IG59" s="28"/>
      <c r="IH59" s="28"/>
      <c r="II59" s="28"/>
      <c r="IJ59" s="28"/>
      <c r="IK59" s="28"/>
      <c r="IL59" s="28"/>
      <c r="IM59" s="28"/>
      <c r="IN59" s="28"/>
      <c r="IO59" s="28"/>
      <c r="IP59" s="28"/>
      <c r="IQ59" s="28"/>
      <c r="IR59" s="28"/>
      <c r="IS59" s="28"/>
      <c r="IT59" s="28"/>
      <c r="IU59" s="28"/>
      <c r="IV59" s="28"/>
    </row>
    <row r="141" spans="1:256" s="26" customFormat="1" x14ac:dyDescent="0.25">
      <c r="A141" s="63"/>
      <c r="B141" s="63"/>
      <c r="C141" s="63"/>
      <c r="D141" s="63"/>
      <c r="E141" s="63"/>
      <c r="F141" s="63"/>
      <c r="G141" s="63"/>
      <c r="H141" s="63"/>
      <c r="I141" s="63"/>
      <c r="K141" s="28"/>
      <c r="L141" s="28"/>
      <c r="M141" s="28"/>
      <c r="N141" s="28"/>
      <c r="O141" s="28"/>
      <c r="P141" s="28"/>
      <c r="Q141" s="28"/>
      <c r="R141" s="28"/>
      <c r="S141" s="28"/>
      <c r="T141" s="28"/>
      <c r="U141" s="28"/>
      <c r="V141" s="28"/>
      <c r="W141" s="28"/>
      <c r="X141" s="28"/>
      <c r="Y141" s="28"/>
      <c r="Z141" s="28"/>
      <c r="AA141" s="28"/>
      <c r="AB141" s="28"/>
      <c r="AC141" s="28"/>
      <c r="AD141" s="28"/>
      <c r="AE141" s="28"/>
      <c r="AF141" s="28"/>
      <c r="AG141" s="28"/>
      <c r="AH141" s="28"/>
      <c r="AI141" s="28"/>
      <c r="AJ141" s="28"/>
      <c r="AK141" s="28"/>
      <c r="AL141" s="28"/>
      <c r="AM141" s="28"/>
      <c r="AN141" s="28"/>
      <c r="AO141" s="28"/>
      <c r="AP141" s="28"/>
      <c r="AQ141" s="28"/>
      <c r="AR141" s="28"/>
      <c r="AS141" s="28"/>
      <c r="AT141" s="28"/>
      <c r="AU141" s="28"/>
      <c r="AV141" s="28"/>
      <c r="AW141" s="28"/>
      <c r="AX141" s="28"/>
      <c r="AY141" s="28"/>
      <c r="AZ141" s="28"/>
      <c r="BA141" s="28"/>
      <c r="BB141" s="28"/>
      <c r="BC141" s="28"/>
      <c r="BD141" s="28"/>
      <c r="BE141" s="28"/>
      <c r="BF141" s="28"/>
      <c r="BG141" s="28"/>
      <c r="BH141" s="28"/>
      <c r="BI141" s="28"/>
      <c r="BJ141" s="28"/>
      <c r="BK141" s="28"/>
      <c r="BL141" s="28"/>
      <c r="BM141" s="28"/>
      <c r="BN141" s="28"/>
      <c r="BO141" s="28"/>
      <c r="BP141" s="28"/>
      <c r="BQ141" s="28"/>
      <c r="BR141" s="28"/>
      <c r="BS141" s="28"/>
      <c r="BT141" s="28"/>
      <c r="BU141" s="28"/>
      <c r="BV141" s="28"/>
      <c r="BW141" s="28"/>
      <c r="BX141" s="28"/>
      <c r="BY141" s="28"/>
      <c r="BZ141" s="28"/>
      <c r="CA141" s="28"/>
      <c r="CB141" s="28"/>
      <c r="CC141" s="28"/>
      <c r="CD141" s="28"/>
      <c r="CE141" s="28"/>
      <c r="CF141" s="28"/>
      <c r="CG141" s="28"/>
      <c r="CH141" s="28"/>
      <c r="CI141" s="28"/>
      <c r="CJ141" s="28"/>
      <c r="CK141" s="28"/>
      <c r="CL141" s="28"/>
      <c r="CM141" s="28"/>
      <c r="CN141" s="28"/>
      <c r="CO141" s="28"/>
      <c r="CP141" s="28"/>
      <c r="CQ141" s="28"/>
      <c r="CR141" s="28"/>
      <c r="CS141" s="28"/>
      <c r="CT141" s="28"/>
      <c r="CU141" s="28"/>
      <c r="CV141" s="28"/>
      <c r="CW141" s="28"/>
      <c r="CX141" s="28"/>
      <c r="CY141" s="28"/>
      <c r="CZ141" s="28"/>
      <c r="DA141" s="28"/>
      <c r="DB141" s="28"/>
      <c r="DC141" s="28"/>
      <c r="DD141" s="28"/>
      <c r="DE141" s="28"/>
      <c r="DF141" s="28"/>
      <c r="DG141" s="28"/>
      <c r="DH141" s="28"/>
      <c r="DI141" s="28"/>
      <c r="DJ141" s="28"/>
      <c r="DK141" s="28"/>
      <c r="DL141" s="28"/>
      <c r="DM141" s="28"/>
      <c r="DN141" s="28"/>
      <c r="DO141" s="28"/>
      <c r="DP141" s="28"/>
      <c r="DQ141" s="28"/>
      <c r="DR141" s="28"/>
      <c r="DS141" s="28"/>
      <c r="DT141" s="28"/>
      <c r="DU141" s="28"/>
      <c r="DV141" s="28"/>
      <c r="DW141" s="28"/>
      <c r="DX141" s="28"/>
      <c r="DY141" s="28"/>
      <c r="DZ141" s="28"/>
      <c r="EA141" s="28"/>
      <c r="EB141" s="28"/>
      <c r="EC141" s="28"/>
      <c r="ED141" s="28"/>
      <c r="EE141" s="28"/>
      <c r="EF141" s="28"/>
      <c r="EG141" s="28"/>
      <c r="EH141" s="28"/>
      <c r="EI141" s="28"/>
      <c r="EJ141" s="28"/>
      <c r="EK141" s="28"/>
      <c r="EL141" s="28"/>
      <c r="EM141" s="28"/>
      <c r="EN141" s="28"/>
      <c r="EO141" s="28"/>
      <c r="EP141" s="28"/>
      <c r="EQ141" s="28"/>
      <c r="ER141" s="28"/>
      <c r="ES141" s="28"/>
      <c r="ET141" s="28"/>
      <c r="EU141" s="28"/>
      <c r="EV141" s="28"/>
      <c r="EW141" s="28"/>
      <c r="EX141" s="28"/>
      <c r="EY141" s="28"/>
      <c r="EZ141" s="28"/>
      <c r="FA141" s="28"/>
      <c r="FB141" s="28"/>
      <c r="FC141" s="28"/>
      <c r="FD141" s="28"/>
      <c r="FE141" s="28"/>
      <c r="FF141" s="28"/>
      <c r="FG141" s="28"/>
      <c r="FH141" s="28"/>
      <c r="FI141" s="28"/>
      <c r="FJ141" s="28"/>
      <c r="FK141" s="28"/>
      <c r="FL141" s="28"/>
      <c r="FM141" s="28"/>
      <c r="FN141" s="28"/>
      <c r="FO141" s="28"/>
      <c r="FP141" s="28"/>
      <c r="FQ141" s="28"/>
      <c r="FR141" s="28"/>
      <c r="FS141" s="28"/>
      <c r="FT141" s="28"/>
      <c r="FU141" s="28"/>
      <c r="FV141" s="28"/>
      <c r="FW141" s="28"/>
      <c r="FX141" s="28"/>
      <c r="FY141" s="28"/>
      <c r="FZ141" s="28"/>
      <c r="GA141" s="28"/>
      <c r="GB141" s="28"/>
      <c r="GC141" s="28"/>
      <c r="GD141" s="28"/>
      <c r="GE141" s="28"/>
      <c r="GF141" s="28"/>
      <c r="GG141" s="28"/>
      <c r="GH141" s="28"/>
      <c r="GI141" s="28"/>
      <c r="GJ141" s="28"/>
      <c r="GK141" s="28"/>
      <c r="GL141" s="28"/>
      <c r="GM141" s="28"/>
      <c r="GN141" s="28"/>
      <c r="GO141" s="28"/>
      <c r="GP141" s="28"/>
      <c r="GQ141" s="28"/>
      <c r="GR141" s="28"/>
      <c r="GS141" s="28"/>
      <c r="GT141" s="28"/>
      <c r="GU141" s="28"/>
      <c r="GV141" s="28"/>
      <c r="GW141" s="28"/>
      <c r="GX141" s="28"/>
      <c r="GY141" s="28"/>
      <c r="GZ141" s="28"/>
      <c r="HA141" s="28"/>
      <c r="HB141" s="28"/>
      <c r="HC141" s="28"/>
      <c r="HD141" s="28"/>
      <c r="HE141" s="28"/>
      <c r="HF141" s="28"/>
      <c r="HG141" s="28"/>
      <c r="HH141" s="28"/>
      <c r="HI141" s="28"/>
      <c r="HJ141" s="28"/>
      <c r="HK141" s="28"/>
      <c r="HL141" s="28"/>
      <c r="HM141" s="28"/>
      <c r="HN141" s="28"/>
      <c r="HO141" s="28"/>
      <c r="HP141" s="28"/>
      <c r="HQ141" s="28"/>
      <c r="HR141" s="28"/>
      <c r="HS141" s="28"/>
      <c r="HT141" s="28"/>
      <c r="HU141" s="28"/>
      <c r="HV141" s="28"/>
      <c r="HW141" s="28"/>
      <c r="HX141" s="28"/>
      <c r="HY141" s="28"/>
      <c r="HZ141" s="28"/>
      <c r="IA141" s="28"/>
      <c r="IB141" s="28"/>
      <c r="IC141" s="28"/>
      <c r="ID141" s="28"/>
      <c r="IE141" s="28"/>
      <c r="IF141" s="28"/>
      <c r="IG141" s="28"/>
      <c r="IH141" s="28"/>
      <c r="II141" s="28"/>
      <c r="IJ141" s="28"/>
      <c r="IK141" s="28"/>
      <c r="IL141" s="28"/>
      <c r="IM141" s="28"/>
      <c r="IN141" s="28"/>
      <c r="IO141" s="28"/>
      <c r="IP141" s="28"/>
      <c r="IQ141" s="28"/>
      <c r="IR141" s="28"/>
      <c r="IS141" s="28"/>
      <c r="IT141" s="28"/>
      <c r="IU141" s="28"/>
      <c r="IV141" s="28"/>
    </row>
  </sheetData>
  <mergeCells count="43">
    <mergeCell ref="B35:P35"/>
    <mergeCell ref="B36:P36"/>
    <mergeCell ref="B37:P37"/>
    <mergeCell ref="B27:P27"/>
    <mergeCell ref="A4:P4"/>
    <mergeCell ref="A9:P9"/>
    <mergeCell ref="B14:M14"/>
    <mergeCell ref="B15:M15"/>
    <mergeCell ref="A17:P17"/>
    <mergeCell ref="B25:P25"/>
    <mergeCell ref="B26:P26"/>
    <mergeCell ref="HA53:HP53"/>
    <mergeCell ref="B28:P28"/>
    <mergeCell ref="B31:P31"/>
    <mergeCell ref="A34:P34"/>
    <mergeCell ref="B19:M19"/>
    <mergeCell ref="B20:M20"/>
    <mergeCell ref="A23:P23"/>
    <mergeCell ref="B24:M24"/>
    <mergeCell ref="B32:P32"/>
    <mergeCell ref="A48:P48"/>
    <mergeCell ref="B50:C50"/>
    <mergeCell ref="B38:P38"/>
    <mergeCell ref="B39:P39"/>
    <mergeCell ref="B40:O40"/>
    <mergeCell ref="A42:P42"/>
    <mergeCell ref="B46:P46"/>
    <mergeCell ref="B51:C51"/>
    <mergeCell ref="A53:P53"/>
    <mergeCell ref="Q53:AF53"/>
    <mergeCell ref="HQ53:IF53"/>
    <mergeCell ref="IG53:IV53"/>
    <mergeCell ref="AG53:AV53"/>
    <mergeCell ref="AW53:BL53"/>
    <mergeCell ref="BM53:CB53"/>
    <mergeCell ref="CC53:CR53"/>
    <mergeCell ref="CS53:DH53"/>
    <mergeCell ref="DI53:DX53"/>
    <mergeCell ref="DY53:EN53"/>
    <mergeCell ref="EO53:FD53"/>
    <mergeCell ref="FE53:FT53"/>
    <mergeCell ref="FU53:GJ53"/>
    <mergeCell ref="GK53:GZ53"/>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2">
    <pageSetUpPr fitToPage="1"/>
  </sheetPr>
  <dimension ref="A3:IV159"/>
  <sheetViews>
    <sheetView showGridLines="0" topLeftCell="A52" workbookViewId="0">
      <selection activeCell="G79" sqref="G79"/>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114</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45" t="s">
        <v>153</v>
      </c>
      <c r="I10" s="28"/>
      <c r="O10" s="36" t="s">
        <v>7</v>
      </c>
    </row>
    <row r="11" spans="1:16" x14ac:dyDescent="0.25">
      <c r="A11" s="26" t="s">
        <v>5</v>
      </c>
      <c r="B11" s="45" t="s">
        <v>8</v>
      </c>
      <c r="I11" s="28"/>
      <c r="O11" s="40">
        <v>100000</v>
      </c>
    </row>
    <row r="12" spans="1:16" ht="24.75" customHeight="1" x14ac:dyDescent="0.25">
      <c r="A12" s="41" t="s">
        <v>5</v>
      </c>
      <c r="B12" s="150" t="s">
        <v>70</v>
      </c>
      <c r="C12" s="150"/>
      <c r="D12" s="150"/>
      <c r="E12" s="150"/>
      <c r="F12" s="150"/>
      <c r="G12" s="150"/>
      <c r="H12" s="150"/>
      <c r="I12" s="150"/>
      <c r="J12" s="150"/>
      <c r="K12" s="150"/>
      <c r="L12" s="150"/>
      <c r="M12" s="150"/>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x14ac:dyDescent="0.25">
      <c r="A18" s="26" t="s">
        <v>5</v>
      </c>
      <c r="B18" s="45" t="s">
        <v>14</v>
      </c>
      <c r="I18" s="28"/>
      <c r="O18" s="36" t="s">
        <v>7</v>
      </c>
    </row>
    <row r="19" spans="1:16" x14ac:dyDescent="0.25">
      <c r="A19" s="26" t="s">
        <v>5</v>
      </c>
      <c r="B19" s="45" t="s">
        <v>15</v>
      </c>
      <c r="I19" s="28"/>
      <c r="O19" s="36" t="s">
        <v>7</v>
      </c>
    </row>
    <row r="20" spans="1:16" x14ac:dyDescent="0.25">
      <c r="A20" s="26" t="s">
        <v>5</v>
      </c>
      <c r="B20" s="141" t="s">
        <v>34</v>
      </c>
      <c r="C20" s="141"/>
      <c r="D20" s="141"/>
      <c r="E20" s="141"/>
      <c r="F20" s="141"/>
      <c r="G20" s="141"/>
      <c r="H20" s="141"/>
      <c r="I20" s="141"/>
      <c r="J20" s="141"/>
      <c r="K20" s="141"/>
      <c r="L20" s="141"/>
      <c r="M20" s="141"/>
      <c r="O20" s="36" t="s">
        <v>7</v>
      </c>
    </row>
    <row r="21" spans="1:16" x14ac:dyDescent="0.25">
      <c r="A21" s="41" t="s">
        <v>5</v>
      </c>
      <c r="B21" s="134" t="s">
        <v>91</v>
      </c>
      <c r="C21" s="134"/>
      <c r="D21" s="134"/>
      <c r="E21" s="134"/>
      <c r="F21" s="134"/>
      <c r="G21" s="134"/>
      <c r="H21" s="134"/>
      <c r="I21" s="134"/>
      <c r="J21" s="134"/>
      <c r="K21" s="134"/>
      <c r="L21" s="134"/>
      <c r="M21" s="134"/>
      <c r="N21" s="46"/>
      <c r="O21" s="42">
        <v>50000</v>
      </c>
    </row>
    <row r="22" spans="1:16" x14ac:dyDescent="0.25">
      <c r="A22" s="26" t="s">
        <v>5</v>
      </c>
      <c r="B22" s="45" t="s">
        <v>16</v>
      </c>
      <c r="I22" s="28"/>
      <c r="O22" s="36" t="s">
        <v>7</v>
      </c>
    </row>
    <row r="24" spans="1:16" ht="12" customHeight="1" x14ac:dyDescent="0.25">
      <c r="A24" s="137" t="s">
        <v>17</v>
      </c>
      <c r="B24" s="137"/>
      <c r="C24" s="137"/>
      <c r="D24" s="137"/>
      <c r="E24" s="137"/>
      <c r="F24" s="137"/>
      <c r="G24" s="137"/>
      <c r="H24" s="137"/>
      <c r="I24" s="137"/>
      <c r="J24" s="137"/>
      <c r="K24" s="137"/>
      <c r="L24" s="137"/>
      <c r="M24" s="137"/>
      <c r="N24" s="137"/>
      <c r="O24" s="137"/>
      <c r="P24" s="137"/>
    </row>
    <row r="25" spans="1:16" x14ac:dyDescent="0.25">
      <c r="A25" s="26" t="s">
        <v>5</v>
      </c>
      <c r="B25" s="45" t="s">
        <v>18</v>
      </c>
      <c r="I25" s="28"/>
      <c r="O25" s="47">
        <v>250</v>
      </c>
    </row>
    <row r="26" spans="1:16" x14ac:dyDescent="0.25">
      <c r="A26" s="26" t="s">
        <v>5</v>
      </c>
      <c r="B26" s="45" t="s">
        <v>19</v>
      </c>
      <c r="I26" s="28"/>
      <c r="O26" s="47">
        <v>250</v>
      </c>
    </row>
    <row r="27" spans="1:16" x14ac:dyDescent="0.25">
      <c r="A27" s="26" t="s">
        <v>5</v>
      </c>
      <c r="B27" s="45" t="s">
        <v>126</v>
      </c>
      <c r="I27" s="28"/>
      <c r="O27" s="50" t="s">
        <v>82</v>
      </c>
    </row>
    <row r="28" spans="1:16" x14ac:dyDescent="0.25">
      <c r="A28" s="41" t="s">
        <v>5</v>
      </c>
      <c r="B28" s="152" t="s">
        <v>127</v>
      </c>
      <c r="C28" s="152"/>
      <c r="D28" s="152"/>
      <c r="E28" s="152"/>
      <c r="F28" s="152"/>
      <c r="G28" s="152"/>
      <c r="H28" s="152"/>
      <c r="I28" s="152"/>
      <c r="J28" s="152"/>
      <c r="K28" s="152"/>
      <c r="L28" s="152"/>
      <c r="M28" s="152"/>
      <c r="N28" s="51"/>
      <c r="O28" s="73" t="s">
        <v>82</v>
      </c>
      <c r="P28" s="51"/>
    </row>
    <row r="29" spans="1:16" ht="12" customHeight="1" x14ac:dyDescent="0.25">
      <c r="A29" s="41" t="s">
        <v>5</v>
      </c>
      <c r="B29" s="148" t="s">
        <v>128</v>
      </c>
      <c r="C29" s="148"/>
      <c r="D29" s="148"/>
      <c r="E29" s="148"/>
      <c r="F29" s="148"/>
      <c r="G29" s="148"/>
      <c r="H29" s="148"/>
      <c r="I29" s="148"/>
      <c r="J29" s="148"/>
      <c r="K29" s="148"/>
      <c r="L29" s="148"/>
      <c r="M29" s="148"/>
      <c r="N29" s="84"/>
      <c r="O29" s="73" t="s">
        <v>82</v>
      </c>
      <c r="P29" s="84"/>
    </row>
    <row r="30" spans="1:16" ht="24" customHeight="1" x14ac:dyDescent="0.25">
      <c r="A30" s="36" t="s">
        <v>5</v>
      </c>
      <c r="B30" s="67" t="s">
        <v>124</v>
      </c>
      <c r="C30" s="50"/>
      <c r="D30" s="50"/>
      <c r="E30" s="50"/>
      <c r="F30" s="50"/>
      <c r="G30" s="50"/>
      <c r="H30" s="50"/>
      <c r="I30" s="49"/>
      <c r="J30" s="50"/>
      <c r="K30" s="49"/>
      <c r="L30" s="49"/>
      <c r="M30" s="49"/>
      <c r="N30" s="151" t="s">
        <v>233</v>
      </c>
      <c r="O30" s="151"/>
      <c r="P30" s="151"/>
    </row>
    <row r="31" spans="1:16" x14ac:dyDescent="0.25">
      <c r="A31" s="36" t="s">
        <v>5</v>
      </c>
      <c r="B31" s="67" t="s">
        <v>123</v>
      </c>
      <c r="C31" s="50"/>
      <c r="D31" s="50"/>
      <c r="E31" s="50"/>
      <c r="F31" s="50"/>
      <c r="G31" s="50"/>
      <c r="H31" s="50"/>
      <c r="I31" s="49"/>
      <c r="J31" s="50"/>
      <c r="K31" s="49"/>
      <c r="L31" s="49"/>
      <c r="M31" s="49"/>
      <c r="N31" s="51"/>
      <c r="O31" s="50" t="s">
        <v>82</v>
      </c>
      <c r="P31" s="51"/>
    </row>
    <row r="32" spans="1:16" x14ac:dyDescent="0.25">
      <c r="A32" s="36"/>
      <c r="B32" s="68" t="s">
        <v>280</v>
      </c>
      <c r="C32" s="50"/>
      <c r="D32" s="50"/>
      <c r="E32" s="50"/>
      <c r="F32" s="50"/>
      <c r="G32" s="50"/>
      <c r="H32" s="50"/>
      <c r="I32" s="49"/>
      <c r="J32" s="50"/>
      <c r="K32" s="49"/>
      <c r="L32" s="49"/>
      <c r="M32" s="49"/>
      <c r="N32" s="51"/>
      <c r="O32" s="51"/>
      <c r="P32" s="51"/>
    </row>
    <row r="33" spans="1:16" x14ac:dyDescent="0.25">
      <c r="I33" s="48"/>
    </row>
    <row r="34" spans="1:16" ht="12" customHeight="1" x14ac:dyDescent="0.25">
      <c r="A34" s="137" t="s">
        <v>20</v>
      </c>
      <c r="B34" s="137"/>
      <c r="C34" s="137"/>
      <c r="D34" s="137"/>
      <c r="E34" s="137"/>
      <c r="F34" s="137"/>
      <c r="G34" s="137"/>
      <c r="H34" s="137"/>
      <c r="I34" s="137"/>
      <c r="J34" s="137"/>
      <c r="K34" s="137"/>
      <c r="L34" s="137"/>
      <c r="M34" s="137"/>
      <c r="N34" s="137"/>
      <c r="O34" s="137"/>
      <c r="P34" s="137"/>
    </row>
    <row r="35" spans="1:16" ht="12" customHeight="1" x14ac:dyDescent="0.25">
      <c r="A35" s="41" t="s">
        <v>5</v>
      </c>
      <c r="B35" s="138" t="s">
        <v>152</v>
      </c>
      <c r="C35" s="138"/>
      <c r="D35" s="138"/>
      <c r="E35" s="138"/>
      <c r="F35" s="138"/>
      <c r="G35" s="138"/>
      <c r="H35" s="138"/>
      <c r="I35" s="138"/>
      <c r="J35" s="138"/>
      <c r="K35" s="138"/>
      <c r="L35" s="138"/>
      <c r="M35" s="138"/>
      <c r="N35" s="52"/>
    </row>
    <row r="36" spans="1:16" x14ac:dyDescent="0.25">
      <c r="A36" s="26" t="s">
        <v>5</v>
      </c>
      <c r="B36" s="141" t="s">
        <v>84</v>
      </c>
      <c r="C36" s="141"/>
      <c r="D36" s="141"/>
      <c r="E36" s="141"/>
      <c r="F36" s="141"/>
      <c r="G36" s="141"/>
      <c r="H36" s="141"/>
      <c r="I36" s="141"/>
      <c r="J36" s="141"/>
      <c r="K36" s="141"/>
      <c r="L36" s="141"/>
      <c r="M36" s="141"/>
      <c r="N36" s="141"/>
      <c r="O36" s="141"/>
      <c r="P36" s="141"/>
    </row>
    <row r="37" spans="1:16" ht="26.25" customHeight="1" x14ac:dyDescent="0.25">
      <c r="A37" s="41" t="s">
        <v>5</v>
      </c>
      <c r="B37" s="144" t="s">
        <v>96</v>
      </c>
      <c r="C37" s="144"/>
      <c r="D37" s="144"/>
      <c r="E37" s="144"/>
      <c r="F37" s="144"/>
      <c r="G37" s="144"/>
      <c r="H37" s="144"/>
      <c r="I37" s="144"/>
      <c r="J37" s="144"/>
      <c r="K37" s="144"/>
      <c r="L37" s="144"/>
      <c r="M37" s="144"/>
      <c r="N37" s="144"/>
      <c r="O37" s="144"/>
      <c r="P37" s="144"/>
    </row>
    <row r="38" spans="1:16" x14ac:dyDescent="0.25">
      <c r="A38" s="41" t="s">
        <v>5</v>
      </c>
      <c r="B38" s="142" t="s">
        <v>67</v>
      </c>
      <c r="C38" s="142"/>
      <c r="D38" s="142"/>
      <c r="E38" s="142"/>
      <c r="F38" s="142"/>
      <c r="G38" s="142"/>
      <c r="H38" s="142"/>
      <c r="I38" s="142"/>
      <c r="J38" s="142"/>
      <c r="K38" s="142"/>
      <c r="L38" s="142"/>
      <c r="M38" s="142"/>
      <c r="N38" s="142"/>
      <c r="O38" s="142"/>
      <c r="P38" s="142"/>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45"/>
      <c r="B41" s="141" t="s">
        <v>21</v>
      </c>
      <c r="C41" s="141"/>
      <c r="D41" s="141"/>
      <c r="E41" s="141"/>
      <c r="F41" s="141"/>
      <c r="G41" s="141"/>
      <c r="H41" s="141"/>
      <c r="I41" s="141"/>
      <c r="J41" s="141"/>
      <c r="K41" s="141"/>
      <c r="L41" s="141"/>
      <c r="M41" s="141"/>
      <c r="N41" s="141"/>
      <c r="O41" s="141"/>
      <c r="P41" s="141"/>
    </row>
    <row r="42" spans="1:16" ht="25.5" customHeight="1" x14ac:dyDescent="0.25">
      <c r="A42" s="93"/>
      <c r="B42" s="139" t="s">
        <v>197</v>
      </c>
      <c r="C42" s="138"/>
      <c r="D42" s="138"/>
      <c r="E42" s="138"/>
      <c r="F42" s="138"/>
      <c r="G42" s="138"/>
      <c r="H42" s="138"/>
      <c r="I42" s="138"/>
      <c r="J42" s="138"/>
      <c r="K42" s="138"/>
      <c r="L42" s="138"/>
      <c r="M42" s="138"/>
      <c r="N42" s="138"/>
      <c r="O42" s="138"/>
      <c r="P42" s="138"/>
    </row>
    <row r="43" spans="1:16" ht="13.5" customHeight="1" x14ac:dyDescent="0.25"/>
    <row r="44" spans="1:16" ht="11.25" customHeight="1" x14ac:dyDescent="0.25">
      <c r="A44" s="137" t="s">
        <v>62</v>
      </c>
      <c r="B44" s="137"/>
      <c r="C44" s="137"/>
      <c r="D44" s="137"/>
      <c r="E44" s="137"/>
      <c r="F44" s="137"/>
      <c r="G44" s="137"/>
      <c r="H44" s="137"/>
      <c r="I44" s="137"/>
      <c r="J44" s="137"/>
      <c r="K44" s="137"/>
      <c r="L44" s="137"/>
      <c r="M44" s="137"/>
      <c r="N44" s="137"/>
      <c r="O44" s="137"/>
      <c r="P44" s="137"/>
    </row>
    <row r="45" spans="1:16" s="53" customFormat="1" x14ac:dyDescent="0.25">
      <c r="A45" s="41" t="s">
        <v>5</v>
      </c>
      <c r="B45" s="134" t="s">
        <v>63</v>
      </c>
      <c r="C45" s="134"/>
      <c r="D45" s="134"/>
      <c r="E45" s="134"/>
      <c r="F45" s="134"/>
      <c r="G45" s="134"/>
      <c r="H45" s="134"/>
      <c r="I45" s="134"/>
      <c r="J45" s="134"/>
      <c r="K45" s="134"/>
      <c r="L45" s="134"/>
      <c r="M45" s="134"/>
      <c r="N45" s="134"/>
      <c r="O45" s="134"/>
      <c r="P45" s="134"/>
    </row>
    <row r="46" spans="1:16" x14ac:dyDescent="0.25">
      <c r="A46" s="41" t="s">
        <v>5</v>
      </c>
      <c r="B46" s="138" t="s">
        <v>139</v>
      </c>
      <c r="C46" s="138"/>
      <c r="D46" s="138"/>
      <c r="E46" s="138"/>
      <c r="F46" s="138"/>
      <c r="G46" s="138"/>
      <c r="H46" s="138"/>
      <c r="I46" s="138"/>
      <c r="J46" s="138"/>
      <c r="K46" s="138"/>
      <c r="L46" s="138"/>
      <c r="M46" s="138"/>
      <c r="N46" s="138"/>
      <c r="O46" s="138"/>
      <c r="P46" s="138"/>
    </row>
    <row r="47" spans="1:16" s="53" customFormat="1" ht="25.5" customHeight="1" x14ac:dyDescent="0.25">
      <c r="A47" s="41" t="s">
        <v>5</v>
      </c>
      <c r="B47" s="134" t="s">
        <v>68</v>
      </c>
      <c r="C47" s="134"/>
      <c r="D47" s="134"/>
      <c r="E47" s="134"/>
      <c r="F47" s="134"/>
      <c r="G47" s="134"/>
      <c r="H47" s="134"/>
      <c r="I47" s="134"/>
      <c r="J47" s="134"/>
      <c r="K47" s="134"/>
      <c r="L47" s="134"/>
      <c r="M47" s="134"/>
      <c r="N47" s="134"/>
      <c r="O47" s="134"/>
      <c r="P47" s="134"/>
    </row>
    <row r="48" spans="1:16" s="53" customFormat="1" ht="12" customHeight="1" x14ac:dyDescent="0.25">
      <c r="A48" s="41" t="s">
        <v>5</v>
      </c>
      <c r="B48" s="134" t="s">
        <v>69</v>
      </c>
      <c r="C48" s="134"/>
      <c r="D48" s="134"/>
      <c r="E48" s="134"/>
      <c r="F48" s="134"/>
      <c r="G48" s="134"/>
      <c r="H48" s="134"/>
      <c r="I48" s="134"/>
      <c r="J48" s="134"/>
      <c r="K48" s="134"/>
      <c r="L48" s="134"/>
      <c r="M48" s="134"/>
      <c r="N48" s="134"/>
      <c r="O48" s="134"/>
      <c r="P48" s="134"/>
    </row>
    <row r="49" spans="1:16" s="53" customFormat="1" ht="37.5" customHeight="1" x14ac:dyDescent="0.25">
      <c r="A49" s="41" t="s">
        <v>5</v>
      </c>
      <c r="B49" s="134" t="s">
        <v>66</v>
      </c>
      <c r="C49" s="134"/>
      <c r="D49" s="134"/>
      <c r="E49" s="134"/>
      <c r="F49" s="134"/>
      <c r="G49" s="134"/>
      <c r="H49" s="134"/>
      <c r="I49" s="134"/>
      <c r="J49" s="134"/>
      <c r="K49" s="134"/>
      <c r="L49" s="134"/>
      <c r="M49" s="134"/>
      <c r="N49" s="134"/>
      <c r="O49" s="134"/>
      <c r="P49" s="134"/>
    </row>
    <row r="50" spans="1:16" s="53" customFormat="1" ht="12" customHeight="1" x14ac:dyDescent="0.25">
      <c r="A50" s="41" t="s">
        <v>5</v>
      </c>
      <c r="B50" s="135" t="s">
        <v>190</v>
      </c>
      <c r="C50" s="135"/>
      <c r="D50" s="135"/>
      <c r="E50" s="135"/>
      <c r="F50" s="135"/>
      <c r="G50" s="135"/>
      <c r="H50" s="135"/>
      <c r="I50" s="135"/>
      <c r="J50" s="135"/>
      <c r="K50" s="135"/>
      <c r="L50" s="135"/>
      <c r="M50" s="135"/>
      <c r="N50" s="135"/>
      <c r="O50" s="135"/>
      <c r="P50" s="135"/>
    </row>
    <row r="51" spans="1:16" ht="24" customHeight="1" x14ac:dyDescent="0.25">
      <c r="A51" s="41" t="s">
        <v>5</v>
      </c>
      <c r="B51" s="148" t="s">
        <v>140</v>
      </c>
      <c r="C51" s="148"/>
      <c r="D51" s="148"/>
      <c r="E51" s="148"/>
      <c r="F51" s="148"/>
      <c r="G51" s="148"/>
      <c r="H51" s="148"/>
      <c r="I51" s="148"/>
      <c r="J51" s="148"/>
      <c r="K51" s="148"/>
      <c r="L51" s="148"/>
      <c r="M51" s="148"/>
      <c r="N51" s="148"/>
      <c r="O51" s="148"/>
      <c r="P51" s="148"/>
    </row>
    <row r="52" spans="1:16" x14ac:dyDescent="0.25">
      <c r="A52" s="41" t="s">
        <v>5</v>
      </c>
      <c r="B52" s="136" t="s">
        <v>129</v>
      </c>
      <c r="C52" s="136"/>
      <c r="D52" s="136"/>
      <c r="E52" s="136"/>
      <c r="F52" s="136"/>
      <c r="G52" s="136"/>
      <c r="H52" s="136"/>
      <c r="I52" s="136"/>
      <c r="J52" s="136"/>
      <c r="K52" s="136"/>
      <c r="L52" s="136"/>
      <c r="M52" s="136"/>
      <c r="N52" s="136"/>
      <c r="O52" s="136"/>
      <c r="P52" s="136"/>
    </row>
    <row r="53" spans="1:16" x14ac:dyDescent="0.25">
      <c r="A53" s="41" t="s">
        <v>5</v>
      </c>
      <c r="B53" s="136" t="s">
        <v>71</v>
      </c>
      <c r="C53" s="136"/>
      <c r="D53" s="136"/>
      <c r="E53" s="136"/>
      <c r="F53" s="136"/>
      <c r="G53" s="136"/>
      <c r="H53" s="136"/>
      <c r="I53" s="136"/>
      <c r="J53" s="136"/>
      <c r="K53" s="136"/>
      <c r="L53" s="136"/>
      <c r="M53" s="136"/>
      <c r="N53" s="136"/>
      <c r="O53" s="136"/>
      <c r="P53" s="136"/>
    </row>
    <row r="54" spans="1:16" s="53" customFormat="1" x14ac:dyDescent="0.25">
      <c r="A54" s="36" t="s">
        <v>5</v>
      </c>
      <c r="B54" s="147" t="s">
        <v>132</v>
      </c>
      <c r="C54" s="147"/>
      <c r="D54" s="147"/>
      <c r="E54" s="147"/>
      <c r="F54" s="147"/>
      <c r="G54" s="147"/>
      <c r="H54" s="147"/>
      <c r="I54" s="147"/>
      <c r="J54" s="147"/>
      <c r="K54" s="147"/>
      <c r="L54" s="147"/>
      <c r="M54" s="147"/>
      <c r="N54" s="147"/>
      <c r="O54" s="147"/>
      <c r="P54" s="147"/>
    </row>
    <row r="55" spans="1:16" s="49" customFormat="1" ht="12" customHeight="1" x14ac:dyDescent="0.25">
      <c r="A55" s="41" t="s">
        <v>5</v>
      </c>
      <c r="B55" s="147" t="s">
        <v>22</v>
      </c>
      <c r="C55" s="147"/>
      <c r="D55" s="147"/>
      <c r="E55" s="147"/>
      <c r="F55" s="147"/>
      <c r="G55" s="147"/>
      <c r="H55" s="147"/>
      <c r="I55" s="147"/>
      <c r="J55" s="147"/>
      <c r="K55" s="147"/>
      <c r="L55" s="147"/>
      <c r="M55" s="147"/>
      <c r="N55" s="147"/>
      <c r="O55" s="147"/>
    </row>
    <row r="56" spans="1:16" x14ac:dyDescent="0.25">
      <c r="A56" s="41"/>
      <c r="B56" s="54"/>
      <c r="C56" s="54"/>
      <c r="D56" s="54"/>
      <c r="E56" s="54"/>
      <c r="F56" s="54"/>
      <c r="G56" s="54"/>
      <c r="H56" s="54"/>
      <c r="I56" s="54"/>
      <c r="J56" s="54"/>
      <c r="K56" s="54"/>
      <c r="L56" s="54"/>
      <c r="M56" s="54"/>
      <c r="N56" s="54"/>
      <c r="O56" s="54"/>
      <c r="P56" s="54"/>
    </row>
    <row r="57" spans="1:16" ht="11.25" customHeight="1" x14ac:dyDescent="0.25">
      <c r="A57" s="137" t="s">
        <v>134</v>
      </c>
      <c r="B57" s="137"/>
      <c r="C57" s="137"/>
      <c r="D57" s="137"/>
      <c r="E57" s="137"/>
      <c r="F57" s="137"/>
      <c r="G57" s="137"/>
      <c r="H57" s="137"/>
      <c r="I57" s="137"/>
      <c r="J57" s="137"/>
      <c r="K57" s="137"/>
      <c r="L57" s="137"/>
      <c r="M57" s="137"/>
      <c r="N57" s="137"/>
      <c r="O57" s="137"/>
      <c r="P57" s="137"/>
    </row>
    <row r="58" spans="1:16" x14ac:dyDescent="0.25">
      <c r="A58" s="41"/>
      <c r="B58" s="159" t="s">
        <v>90</v>
      </c>
      <c r="C58" s="159"/>
      <c r="D58" s="159"/>
      <c r="E58" s="159"/>
      <c r="F58" s="78"/>
      <c r="G58" s="78"/>
      <c r="H58" s="78"/>
      <c r="I58" s="78"/>
      <c r="J58" s="78"/>
      <c r="K58" s="78"/>
      <c r="L58" s="78"/>
      <c r="M58" s="78"/>
      <c r="N58" s="78"/>
      <c r="O58" s="78"/>
      <c r="P58" s="78"/>
    </row>
    <row r="59" spans="1:16" ht="9" customHeight="1" x14ac:dyDescent="0.25">
      <c r="A59" s="41"/>
      <c r="B59" s="79"/>
      <c r="C59" s="70"/>
      <c r="D59" s="70"/>
      <c r="E59" s="70"/>
      <c r="F59" s="78"/>
      <c r="G59" s="78"/>
      <c r="H59" s="78"/>
      <c r="I59" s="78"/>
      <c r="J59" s="78"/>
      <c r="K59" s="78"/>
      <c r="L59" s="78"/>
      <c r="M59" s="78"/>
      <c r="N59" s="78"/>
      <c r="O59" s="78"/>
      <c r="P59" s="78"/>
    </row>
    <row r="60" spans="1:16" s="49" customFormat="1" ht="29.25" customHeight="1" x14ac:dyDescent="0.25">
      <c r="A60" s="41" t="s">
        <v>5</v>
      </c>
      <c r="B60" s="160" t="s">
        <v>92</v>
      </c>
      <c r="C60" s="160"/>
      <c r="D60" s="160"/>
      <c r="E60" s="160"/>
      <c r="F60" s="160"/>
      <c r="G60" s="160"/>
      <c r="H60" s="160"/>
      <c r="I60" s="160"/>
      <c r="J60" s="160"/>
      <c r="K60" s="160"/>
      <c r="L60" s="160"/>
      <c r="M60" s="160"/>
      <c r="N60" s="160"/>
      <c r="O60" s="160"/>
      <c r="P60" s="160"/>
    </row>
    <row r="61" spans="1:16" s="53" customFormat="1" x14ac:dyDescent="0.25">
      <c r="A61" s="55"/>
      <c r="B61" s="56"/>
      <c r="C61" s="56"/>
      <c r="D61" s="56"/>
      <c r="E61" s="56"/>
      <c r="F61" s="56"/>
      <c r="G61" s="56"/>
      <c r="H61" s="56"/>
      <c r="I61" s="56"/>
      <c r="J61" s="56"/>
      <c r="K61" s="56"/>
      <c r="L61" s="56"/>
      <c r="M61" s="56"/>
      <c r="N61" s="56"/>
      <c r="O61" s="56"/>
      <c r="P61" s="56"/>
    </row>
    <row r="62" spans="1:16" x14ac:dyDescent="0.25">
      <c r="A62" s="41"/>
      <c r="B62" s="82" t="s">
        <v>115</v>
      </c>
      <c r="C62" s="80"/>
      <c r="D62" s="80"/>
      <c r="E62" s="80"/>
      <c r="F62" s="80"/>
      <c r="G62" s="80"/>
      <c r="H62" s="80"/>
      <c r="I62" s="80"/>
      <c r="J62" s="80"/>
      <c r="K62" s="80"/>
      <c r="L62" s="80"/>
      <c r="M62" s="80"/>
      <c r="N62" s="80"/>
      <c r="O62" s="80"/>
      <c r="P62" s="80"/>
    </row>
    <row r="63" spans="1:16" ht="8.25" customHeight="1" x14ac:dyDescent="0.25">
      <c r="A63" s="41"/>
      <c r="B63" s="81"/>
      <c r="C63" s="80"/>
      <c r="D63" s="80"/>
      <c r="E63" s="80"/>
      <c r="F63" s="80"/>
      <c r="G63" s="80"/>
      <c r="H63" s="80"/>
      <c r="I63" s="80"/>
      <c r="J63" s="80"/>
      <c r="K63" s="80"/>
      <c r="L63" s="80"/>
      <c r="M63" s="80"/>
      <c r="N63" s="80"/>
      <c r="O63" s="80"/>
      <c r="P63" s="80"/>
    </row>
    <row r="64" spans="1:16" ht="65.25" customHeight="1" x14ac:dyDescent="0.25">
      <c r="A64" s="41"/>
      <c r="B64" s="136" t="s">
        <v>232</v>
      </c>
      <c r="C64" s="136"/>
      <c r="D64" s="136"/>
      <c r="E64" s="136"/>
      <c r="F64" s="136"/>
      <c r="G64" s="136"/>
      <c r="H64" s="136"/>
      <c r="I64" s="136"/>
      <c r="J64" s="136"/>
      <c r="K64" s="136"/>
      <c r="L64" s="136"/>
      <c r="M64" s="136"/>
      <c r="N64" s="136"/>
      <c r="O64" s="136"/>
      <c r="P64" s="136"/>
    </row>
    <row r="65" spans="1:256" s="53" customFormat="1" x14ac:dyDescent="0.25">
      <c r="A65" s="55"/>
      <c r="B65" s="57"/>
      <c r="C65" s="57"/>
      <c r="D65" s="57"/>
      <c r="E65" s="57"/>
      <c r="F65" s="57"/>
      <c r="G65" s="57"/>
      <c r="H65" s="57"/>
      <c r="I65" s="57"/>
      <c r="J65" s="57"/>
      <c r="K65" s="57"/>
      <c r="L65" s="57"/>
      <c r="M65" s="57"/>
      <c r="N65" s="57"/>
      <c r="O65" s="57"/>
      <c r="P65" s="57"/>
    </row>
    <row r="66" spans="1:256" ht="12" customHeight="1" x14ac:dyDescent="0.25">
      <c r="A66" s="137" t="s">
        <v>27</v>
      </c>
      <c r="B66" s="137"/>
      <c r="C66" s="137"/>
      <c r="D66" s="137"/>
      <c r="E66" s="137"/>
      <c r="F66" s="137"/>
      <c r="G66" s="137"/>
      <c r="H66" s="137"/>
      <c r="I66" s="137"/>
      <c r="J66" s="137"/>
      <c r="K66" s="137"/>
      <c r="L66" s="137"/>
      <c r="M66" s="137"/>
      <c r="N66" s="137"/>
      <c r="O66" s="137"/>
      <c r="P66" s="137"/>
    </row>
    <row r="68" spans="1:256" ht="29.25" customHeight="1" x14ac:dyDescent="0.25">
      <c r="B68" s="140" t="s">
        <v>137</v>
      </c>
      <c r="C68" s="140"/>
      <c r="D68" s="129" t="s">
        <v>133</v>
      </c>
      <c r="E68" s="127"/>
      <c r="F68" s="127"/>
      <c r="G68" s="127"/>
      <c r="H68" s="127"/>
      <c r="I68" s="127"/>
      <c r="J68" s="127"/>
      <c r="K68" s="127"/>
      <c r="L68" s="127"/>
      <c r="M68" s="127"/>
      <c r="N68" s="127"/>
      <c r="O68" s="127"/>
    </row>
    <row r="69" spans="1:256" x14ac:dyDescent="0.25">
      <c r="B69" s="157" t="s">
        <v>93</v>
      </c>
      <c r="C69" s="157"/>
      <c r="D69" s="111">
        <v>400</v>
      </c>
      <c r="E69" s="128"/>
      <c r="F69" s="128"/>
      <c r="G69" s="128"/>
      <c r="H69" s="128"/>
      <c r="I69" s="128"/>
      <c r="J69" s="128"/>
      <c r="K69" s="128"/>
      <c r="L69" s="128"/>
      <c r="M69" s="128"/>
      <c r="N69" s="128"/>
      <c r="O69" s="128"/>
    </row>
    <row r="71" spans="1:256" s="49" customFormat="1" ht="12" customHeight="1" x14ac:dyDescent="0.25">
      <c r="A71" s="137" t="s">
        <v>138</v>
      </c>
      <c r="B71" s="137"/>
      <c r="C71" s="137"/>
      <c r="D71" s="137"/>
      <c r="E71" s="137"/>
      <c r="F71" s="137"/>
      <c r="G71" s="137"/>
      <c r="H71" s="137"/>
      <c r="I71" s="137"/>
      <c r="J71" s="137"/>
      <c r="K71" s="137"/>
      <c r="L71" s="137"/>
      <c r="M71" s="137"/>
      <c r="N71" s="137"/>
      <c r="O71" s="137"/>
      <c r="P71" s="137"/>
      <c r="Q71" s="156" t="s">
        <v>27</v>
      </c>
      <c r="R71" s="156"/>
      <c r="S71" s="156"/>
      <c r="T71" s="156"/>
      <c r="U71" s="156"/>
      <c r="V71" s="156"/>
      <c r="W71" s="156"/>
      <c r="X71" s="156"/>
      <c r="Y71" s="156"/>
      <c r="Z71" s="156"/>
      <c r="AA71" s="156"/>
      <c r="AB71" s="156"/>
      <c r="AC71" s="156"/>
      <c r="AD71" s="156"/>
      <c r="AE71" s="156"/>
      <c r="AF71" s="156"/>
      <c r="AG71" s="156" t="s">
        <v>27</v>
      </c>
      <c r="AH71" s="156"/>
      <c r="AI71" s="156"/>
      <c r="AJ71" s="156"/>
      <c r="AK71" s="156"/>
      <c r="AL71" s="156"/>
      <c r="AM71" s="156"/>
      <c r="AN71" s="156"/>
      <c r="AO71" s="156"/>
      <c r="AP71" s="156"/>
      <c r="AQ71" s="156"/>
      <c r="AR71" s="156"/>
      <c r="AS71" s="156"/>
      <c r="AT71" s="156"/>
      <c r="AU71" s="156"/>
      <c r="AV71" s="156"/>
      <c r="AW71" s="156" t="s">
        <v>27</v>
      </c>
      <c r="AX71" s="156"/>
      <c r="AY71" s="156"/>
      <c r="AZ71" s="156"/>
      <c r="BA71" s="156"/>
      <c r="BB71" s="156"/>
      <c r="BC71" s="156"/>
      <c r="BD71" s="156"/>
      <c r="BE71" s="156"/>
      <c r="BF71" s="156"/>
      <c r="BG71" s="156"/>
      <c r="BH71" s="156"/>
      <c r="BI71" s="156"/>
      <c r="BJ71" s="156"/>
      <c r="BK71" s="156"/>
      <c r="BL71" s="156"/>
      <c r="BM71" s="156" t="s">
        <v>27</v>
      </c>
      <c r="BN71" s="156"/>
      <c r="BO71" s="156"/>
      <c r="BP71" s="156"/>
      <c r="BQ71" s="156"/>
      <c r="BR71" s="156"/>
      <c r="BS71" s="156"/>
      <c r="BT71" s="156"/>
      <c r="BU71" s="156"/>
      <c r="BV71" s="156"/>
      <c r="BW71" s="156"/>
      <c r="BX71" s="156"/>
      <c r="BY71" s="156"/>
      <c r="BZ71" s="156"/>
      <c r="CA71" s="156"/>
      <c r="CB71" s="156"/>
      <c r="CC71" s="156" t="s">
        <v>27</v>
      </c>
      <c r="CD71" s="156"/>
      <c r="CE71" s="156"/>
      <c r="CF71" s="156"/>
      <c r="CG71" s="156"/>
      <c r="CH71" s="156"/>
      <c r="CI71" s="156"/>
      <c r="CJ71" s="156"/>
      <c r="CK71" s="156"/>
      <c r="CL71" s="156"/>
      <c r="CM71" s="156"/>
      <c r="CN71" s="156"/>
      <c r="CO71" s="156"/>
      <c r="CP71" s="156"/>
      <c r="CQ71" s="156"/>
      <c r="CR71" s="156"/>
      <c r="CS71" s="156" t="s">
        <v>27</v>
      </c>
      <c r="CT71" s="156"/>
      <c r="CU71" s="156"/>
      <c r="CV71" s="156"/>
      <c r="CW71" s="156"/>
      <c r="CX71" s="156"/>
      <c r="CY71" s="156"/>
      <c r="CZ71" s="156"/>
      <c r="DA71" s="156"/>
      <c r="DB71" s="156"/>
      <c r="DC71" s="156"/>
      <c r="DD71" s="156"/>
      <c r="DE71" s="156"/>
      <c r="DF71" s="156"/>
      <c r="DG71" s="156"/>
      <c r="DH71" s="156"/>
      <c r="DI71" s="156" t="s">
        <v>27</v>
      </c>
      <c r="DJ71" s="156"/>
      <c r="DK71" s="156"/>
      <c r="DL71" s="156"/>
      <c r="DM71" s="156"/>
      <c r="DN71" s="156"/>
      <c r="DO71" s="156"/>
      <c r="DP71" s="156"/>
      <c r="DQ71" s="156"/>
      <c r="DR71" s="156"/>
      <c r="DS71" s="156"/>
      <c r="DT71" s="156"/>
      <c r="DU71" s="156"/>
      <c r="DV71" s="156"/>
      <c r="DW71" s="156"/>
      <c r="DX71" s="156"/>
      <c r="DY71" s="156" t="s">
        <v>27</v>
      </c>
      <c r="DZ71" s="156"/>
      <c r="EA71" s="156"/>
      <c r="EB71" s="156"/>
      <c r="EC71" s="156"/>
      <c r="ED71" s="156"/>
      <c r="EE71" s="156"/>
      <c r="EF71" s="156"/>
      <c r="EG71" s="156"/>
      <c r="EH71" s="156"/>
      <c r="EI71" s="156"/>
      <c r="EJ71" s="156"/>
      <c r="EK71" s="156"/>
      <c r="EL71" s="156"/>
      <c r="EM71" s="156"/>
      <c r="EN71" s="156"/>
      <c r="EO71" s="156" t="s">
        <v>27</v>
      </c>
      <c r="EP71" s="156"/>
      <c r="EQ71" s="156"/>
      <c r="ER71" s="156"/>
      <c r="ES71" s="156"/>
      <c r="ET71" s="156"/>
      <c r="EU71" s="156"/>
      <c r="EV71" s="156"/>
      <c r="EW71" s="156"/>
      <c r="EX71" s="156"/>
      <c r="EY71" s="156"/>
      <c r="EZ71" s="156"/>
      <c r="FA71" s="156"/>
      <c r="FB71" s="156"/>
      <c r="FC71" s="156"/>
      <c r="FD71" s="156"/>
      <c r="FE71" s="156" t="s">
        <v>27</v>
      </c>
      <c r="FF71" s="156"/>
      <c r="FG71" s="156"/>
      <c r="FH71" s="156"/>
      <c r="FI71" s="156"/>
      <c r="FJ71" s="156"/>
      <c r="FK71" s="156"/>
      <c r="FL71" s="156"/>
      <c r="FM71" s="156"/>
      <c r="FN71" s="156"/>
      <c r="FO71" s="156"/>
      <c r="FP71" s="156"/>
      <c r="FQ71" s="156"/>
      <c r="FR71" s="156"/>
      <c r="FS71" s="156"/>
      <c r="FT71" s="156"/>
      <c r="FU71" s="156" t="s">
        <v>27</v>
      </c>
      <c r="FV71" s="156"/>
      <c r="FW71" s="156"/>
      <c r="FX71" s="156"/>
      <c r="FY71" s="156"/>
      <c r="FZ71" s="156"/>
      <c r="GA71" s="156"/>
      <c r="GB71" s="156"/>
      <c r="GC71" s="156"/>
      <c r="GD71" s="156"/>
      <c r="GE71" s="156"/>
      <c r="GF71" s="156"/>
      <c r="GG71" s="156"/>
      <c r="GH71" s="156"/>
      <c r="GI71" s="156"/>
      <c r="GJ71" s="156"/>
      <c r="GK71" s="156" t="s">
        <v>27</v>
      </c>
      <c r="GL71" s="156"/>
      <c r="GM71" s="156"/>
      <c r="GN71" s="156"/>
      <c r="GO71" s="156"/>
      <c r="GP71" s="156"/>
      <c r="GQ71" s="156"/>
      <c r="GR71" s="156"/>
      <c r="GS71" s="156"/>
      <c r="GT71" s="156"/>
      <c r="GU71" s="156"/>
      <c r="GV71" s="156"/>
      <c r="GW71" s="156"/>
      <c r="GX71" s="156"/>
      <c r="GY71" s="156"/>
      <c r="GZ71" s="156"/>
      <c r="HA71" s="156" t="s">
        <v>27</v>
      </c>
      <c r="HB71" s="156"/>
      <c r="HC71" s="156"/>
      <c r="HD71" s="156"/>
      <c r="HE71" s="156"/>
      <c r="HF71" s="156"/>
      <c r="HG71" s="156"/>
      <c r="HH71" s="156"/>
      <c r="HI71" s="156"/>
      <c r="HJ71" s="156"/>
      <c r="HK71" s="156"/>
      <c r="HL71" s="156"/>
      <c r="HM71" s="156"/>
      <c r="HN71" s="156"/>
      <c r="HO71" s="156"/>
      <c r="HP71" s="156"/>
      <c r="HQ71" s="156" t="s">
        <v>27</v>
      </c>
      <c r="HR71" s="156"/>
      <c r="HS71" s="156"/>
      <c r="HT71" s="156"/>
      <c r="HU71" s="156"/>
      <c r="HV71" s="156"/>
      <c r="HW71" s="156"/>
      <c r="HX71" s="156"/>
      <c r="HY71" s="156"/>
      <c r="HZ71" s="156"/>
      <c r="IA71" s="156"/>
      <c r="IB71" s="156"/>
      <c r="IC71" s="156"/>
      <c r="ID71" s="156"/>
      <c r="IE71" s="156"/>
      <c r="IF71" s="156"/>
      <c r="IG71" s="156" t="s">
        <v>27</v>
      </c>
      <c r="IH71" s="156"/>
      <c r="II71" s="156"/>
      <c r="IJ71" s="156"/>
      <c r="IK71" s="156"/>
      <c r="IL71" s="156"/>
      <c r="IM71" s="156"/>
      <c r="IN71" s="156"/>
      <c r="IO71" s="156"/>
      <c r="IP71" s="156"/>
      <c r="IQ71" s="156"/>
      <c r="IR71" s="156"/>
      <c r="IS71" s="156"/>
      <c r="IT71" s="156"/>
      <c r="IU71" s="156"/>
      <c r="IV71" s="156"/>
    </row>
    <row r="72" spans="1:256" x14ac:dyDescent="0.25">
      <c r="A72" s="26" t="s">
        <v>5</v>
      </c>
      <c r="B72" s="45" t="s">
        <v>31</v>
      </c>
    </row>
    <row r="73" spans="1:256" x14ac:dyDescent="0.25">
      <c r="B73" s="45"/>
      <c r="C73" s="60"/>
    </row>
    <row r="74" spans="1:256" x14ac:dyDescent="0.25">
      <c r="D74" s="61"/>
      <c r="E74" s="61"/>
      <c r="F74" s="61"/>
      <c r="G74" s="61"/>
      <c r="H74" s="61"/>
      <c r="I74" s="61"/>
      <c r="J74" s="61"/>
      <c r="K74" s="61"/>
      <c r="L74" s="61"/>
      <c r="M74" s="61"/>
      <c r="N74" s="61"/>
      <c r="O74" s="61"/>
    </row>
    <row r="77" spans="1:256" x14ac:dyDescent="0.25">
      <c r="D77" s="62"/>
    </row>
    <row r="159" spans="1:256" s="26" customFormat="1" x14ac:dyDescent="0.25">
      <c r="A159" s="63"/>
      <c r="B159" s="63"/>
      <c r="C159" s="63"/>
      <c r="D159" s="63"/>
      <c r="E159" s="63"/>
      <c r="F159" s="63"/>
      <c r="G159" s="63"/>
      <c r="H159" s="63"/>
      <c r="I159" s="63"/>
      <c r="K159" s="28"/>
      <c r="L159" s="28"/>
      <c r="M159" s="28"/>
      <c r="N159" s="28"/>
      <c r="O159" s="28"/>
      <c r="P159" s="28"/>
      <c r="Q159" s="28"/>
      <c r="R159" s="28"/>
      <c r="S159" s="28"/>
      <c r="T159" s="28"/>
      <c r="U159" s="28"/>
      <c r="V159" s="28"/>
      <c r="W159" s="28"/>
      <c r="X159" s="28"/>
      <c r="Y159" s="28"/>
      <c r="Z159" s="28"/>
      <c r="AA159" s="28"/>
      <c r="AB159" s="28"/>
      <c r="AC159" s="28"/>
      <c r="AD159" s="28"/>
      <c r="AE159" s="28"/>
      <c r="AF159" s="28"/>
      <c r="AG159" s="28"/>
      <c r="AH159" s="28"/>
      <c r="AI159" s="28"/>
      <c r="AJ159" s="28"/>
      <c r="AK159" s="28"/>
      <c r="AL159" s="28"/>
      <c r="AM159" s="28"/>
      <c r="AN159" s="28"/>
      <c r="AO159" s="28"/>
      <c r="AP159" s="28"/>
      <c r="AQ159" s="28"/>
      <c r="AR159" s="28"/>
      <c r="AS159" s="28"/>
      <c r="AT159" s="28"/>
      <c r="AU159" s="28"/>
      <c r="AV159" s="28"/>
      <c r="AW159" s="28"/>
      <c r="AX159" s="28"/>
      <c r="AY159" s="28"/>
      <c r="AZ159" s="28"/>
      <c r="BA159" s="28"/>
      <c r="BB159" s="28"/>
      <c r="BC159" s="28"/>
      <c r="BD159" s="28"/>
      <c r="BE159" s="28"/>
      <c r="BF159" s="28"/>
      <c r="BG159" s="28"/>
      <c r="BH159" s="28"/>
      <c r="BI159" s="28"/>
      <c r="BJ159" s="28"/>
      <c r="BK159" s="28"/>
      <c r="BL159" s="28"/>
      <c r="BM159" s="28"/>
      <c r="BN159" s="28"/>
      <c r="BO159" s="28"/>
      <c r="BP159" s="28"/>
      <c r="BQ159" s="28"/>
      <c r="BR159" s="28"/>
      <c r="BS159" s="28"/>
      <c r="BT159" s="28"/>
      <c r="BU159" s="28"/>
      <c r="BV159" s="28"/>
      <c r="BW159" s="28"/>
      <c r="BX159" s="28"/>
      <c r="BY159" s="28"/>
      <c r="BZ159" s="28"/>
      <c r="CA159" s="28"/>
      <c r="CB159" s="28"/>
      <c r="CC159" s="28"/>
      <c r="CD159" s="28"/>
      <c r="CE159" s="28"/>
      <c r="CF159" s="28"/>
      <c r="CG159" s="28"/>
      <c r="CH159" s="28"/>
      <c r="CI159" s="28"/>
      <c r="CJ159" s="28"/>
      <c r="CK159" s="28"/>
      <c r="CL159" s="28"/>
      <c r="CM159" s="28"/>
      <c r="CN159" s="28"/>
      <c r="CO159" s="28"/>
      <c r="CP159" s="28"/>
      <c r="CQ159" s="28"/>
      <c r="CR159" s="28"/>
      <c r="CS159" s="28"/>
      <c r="CT159" s="28"/>
      <c r="CU159" s="28"/>
      <c r="CV159" s="28"/>
      <c r="CW159" s="28"/>
      <c r="CX159" s="28"/>
      <c r="CY159" s="28"/>
      <c r="CZ159" s="28"/>
      <c r="DA159" s="28"/>
      <c r="DB159" s="28"/>
      <c r="DC159" s="28"/>
      <c r="DD159" s="28"/>
      <c r="DE159" s="28"/>
      <c r="DF159" s="28"/>
      <c r="DG159" s="28"/>
      <c r="DH159" s="28"/>
      <c r="DI159" s="28"/>
      <c r="DJ159" s="28"/>
      <c r="DK159" s="28"/>
      <c r="DL159" s="28"/>
      <c r="DM159" s="28"/>
      <c r="DN159" s="28"/>
      <c r="DO159" s="28"/>
      <c r="DP159" s="28"/>
      <c r="DQ159" s="28"/>
      <c r="DR159" s="28"/>
      <c r="DS159" s="28"/>
      <c r="DT159" s="28"/>
      <c r="DU159" s="28"/>
      <c r="DV159" s="28"/>
      <c r="DW159" s="28"/>
      <c r="DX159" s="28"/>
      <c r="DY159" s="28"/>
      <c r="DZ159" s="28"/>
      <c r="EA159" s="28"/>
      <c r="EB159" s="28"/>
      <c r="EC159" s="28"/>
      <c r="ED159" s="28"/>
      <c r="EE159" s="28"/>
      <c r="EF159" s="28"/>
      <c r="EG159" s="28"/>
      <c r="EH159" s="28"/>
      <c r="EI159" s="28"/>
      <c r="EJ159" s="28"/>
      <c r="EK159" s="28"/>
      <c r="EL159" s="28"/>
      <c r="EM159" s="28"/>
      <c r="EN159" s="28"/>
      <c r="EO159" s="28"/>
      <c r="EP159" s="28"/>
      <c r="EQ159" s="28"/>
      <c r="ER159" s="28"/>
      <c r="ES159" s="28"/>
      <c r="ET159" s="28"/>
      <c r="EU159" s="28"/>
      <c r="EV159" s="28"/>
      <c r="EW159" s="28"/>
      <c r="EX159" s="28"/>
      <c r="EY159" s="28"/>
      <c r="EZ159" s="28"/>
      <c r="FA159" s="28"/>
      <c r="FB159" s="28"/>
      <c r="FC159" s="28"/>
      <c r="FD159" s="28"/>
      <c r="FE159" s="28"/>
      <c r="FF159" s="28"/>
      <c r="FG159" s="28"/>
      <c r="FH159" s="28"/>
      <c r="FI159" s="28"/>
      <c r="FJ159" s="28"/>
      <c r="FK159" s="28"/>
      <c r="FL159" s="28"/>
      <c r="FM159" s="28"/>
      <c r="FN159" s="28"/>
      <c r="FO159" s="28"/>
      <c r="FP159" s="28"/>
      <c r="FQ159" s="28"/>
      <c r="FR159" s="28"/>
      <c r="FS159" s="28"/>
      <c r="FT159" s="28"/>
      <c r="FU159" s="28"/>
      <c r="FV159" s="28"/>
      <c r="FW159" s="28"/>
      <c r="FX159" s="28"/>
      <c r="FY159" s="28"/>
      <c r="FZ159" s="28"/>
      <c r="GA159" s="28"/>
      <c r="GB159" s="28"/>
      <c r="GC159" s="28"/>
      <c r="GD159" s="28"/>
      <c r="GE159" s="28"/>
      <c r="GF159" s="28"/>
      <c r="GG159" s="28"/>
      <c r="GH159" s="28"/>
      <c r="GI159" s="28"/>
      <c r="GJ159" s="28"/>
      <c r="GK159" s="28"/>
      <c r="GL159" s="28"/>
      <c r="GM159" s="28"/>
      <c r="GN159" s="28"/>
      <c r="GO159" s="28"/>
      <c r="GP159" s="28"/>
      <c r="GQ159" s="28"/>
      <c r="GR159" s="28"/>
      <c r="GS159" s="28"/>
      <c r="GT159" s="28"/>
      <c r="GU159" s="28"/>
      <c r="GV159" s="28"/>
      <c r="GW159" s="28"/>
      <c r="GX159" s="28"/>
      <c r="GY159" s="28"/>
      <c r="GZ159" s="28"/>
      <c r="HA159" s="28"/>
      <c r="HB159" s="28"/>
      <c r="HC159" s="28"/>
      <c r="HD159" s="28"/>
      <c r="HE159" s="28"/>
      <c r="HF159" s="28"/>
      <c r="HG159" s="28"/>
      <c r="HH159" s="28"/>
      <c r="HI159" s="28"/>
      <c r="HJ159" s="28"/>
      <c r="HK159" s="28"/>
      <c r="HL159" s="28"/>
      <c r="HM159" s="28"/>
      <c r="HN159" s="28"/>
      <c r="HO159" s="28"/>
      <c r="HP159" s="28"/>
      <c r="HQ159" s="28"/>
      <c r="HR159" s="28"/>
      <c r="HS159" s="28"/>
      <c r="HT159" s="28"/>
      <c r="HU159" s="28"/>
      <c r="HV159" s="28"/>
      <c r="HW159" s="28"/>
      <c r="HX159" s="28"/>
      <c r="HY159" s="28"/>
      <c r="HZ159" s="28"/>
      <c r="IA159" s="28"/>
      <c r="IB159" s="28"/>
      <c r="IC159" s="28"/>
      <c r="ID159" s="28"/>
      <c r="IE159" s="28"/>
      <c r="IF159" s="28"/>
      <c r="IG159" s="28"/>
      <c r="IH159" s="28"/>
      <c r="II159" s="28"/>
      <c r="IJ159" s="28"/>
      <c r="IK159" s="28"/>
      <c r="IL159" s="28"/>
      <c r="IM159" s="28"/>
      <c r="IN159" s="28"/>
      <c r="IO159" s="28"/>
      <c r="IP159" s="28"/>
      <c r="IQ159" s="28"/>
      <c r="IR159" s="28"/>
      <c r="IS159" s="28"/>
      <c r="IT159" s="28"/>
      <c r="IU159" s="28"/>
      <c r="IV159" s="28"/>
    </row>
  </sheetData>
  <mergeCells count="51">
    <mergeCell ref="B42:P42"/>
    <mergeCell ref="A57:P57"/>
    <mergeCell ref="A4:P4"/>
    <mergeCell ref="A9:P9"/>
    <mergeCell ref="B12:M12"/>
    <mergeCell ref="B20:M20"/>
    <mergeCell ref="B21:M21"/>
    <mergeCell ref="B51:P51"/>
    <mergeCell ref="A34:P34"/>
    <mergeCell ref="B35:M35"/>
    <mergeCell ref="B36:P36"/>
    <mergeCell ref="B37:P37"/>
    <mergeCell ref="A24:P24"/>
    <mergeCell ref="B28:M28"/>
    <mergeCell ref="B29:M29"/>
    <mergeCell ref="N30:P30"/>
    <mergeCell ref="B38:P38"/>
    <mergeCell ref="B41:P41"/>
    <mergeCell ref="A44:P44"/>
    <mergeCell ref="B45:P45"/>
    <mergeCell ref="A66:P66"/>
    <mergeCell ref="B58:E58"/>
    <mergeCell ref="B46:P46"/>
    <mergeCell ref="B47:P47"/>
    <mergeCell ref="B48:P48"/>
    <mergeCell ref="B49:P49"/>
    <mergeCell ref="B50:P50"/>
    <mergeCell ref="B53:P53"/>
    <mergeCell ref="B52:P52"/>
    <mergeCell ref="B54:P54"/>
    <mergeCell ref="B55:O55"/>
    <mergeCell ref="B60:P60"/>
    <mergeCell ref="IG71:IV71"/>
    <mergeCell ref="DY71:EN71"/>
    <mergeCell ref="EO71:FD71"/>
    <mergeCell ref="FE71:FT71"/>
    <mergeCell ref="FU71:GJ71"/>
    <mergeCell ref="B64:P64"/>
    <mergeCell ref="GK71:GZ71"/>
    <mergeCell ref="HA71:HP71"/>
    <mergeCell ref="HQ71:IF71"/>
    <mergeCell ref="A71:P71"/>
    <mergeCell ref="Q71:AF71"/>
    <mergeCell ref="AG71:AV71"/>
    <mergeCell ref="AW71:BL71"/>
    <mergeCell ref="BM71:CB71"/>
    <mergeCell ref="CC71:CR71"/>
    <mergeCell ref="CS71:DH71"/>
    <mergeCell ref="DI71:DX71"/>
    <mergeCell ref="B68:C68"/>
    <mergeCell ref="B69:C6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3">
    <pageSetUpPr fitToPage="1"/>
  </sheetPr>
  <dimension ref="A3:IV164"/>
  <sheetViews>
    <sheetView showGridLines="0" topLeftCell="A16" workbookViewId="0">
      <selection activeCell="B32" sqref="B32"/>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29.25" customHeight="1" x14ac:dyDescent="0.3">
      <c r="A4" s="149" t="s">
        <v>177</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50" t="s">
        <v>70</v>
      </c>
      <c r="C12" s="150"/>
      <c r="D12" s="150"/>
      <c r="E12" s="150"/>
      <c r="F12" s="150"/>
      <c r="G12" s="150"/>
      <c r="H12" s="150"/>
      <c r="I12" s="150"/>
      <c r="J12" s="150"/>
      <c r="K12" s="150"/>
      <c r="L12" s="150"/>
      <c r="M12" s="150"/>
      <c r="O12" s="42">
        <v>10000</v>
      </c>
      <c r="P12" s="43" t="s">
        <v>9</v>
      </c>
    </row>
    <row r="13" spans="1:16" x14ac:dyDescent="0.25">
      <c r="A13" s="26" t="s">
        <v>5</v>
      </c>
      <c r="B13" s="75" t="s">
        <v>29</v>
      </c>
      <c r="I13" s="28"/>
      <c r="J13" s="28"/>
      <c r="O13" s="40"/>
      <c r="P13" s="26"/>
    </row>
    <row r="14" spans="1:16" x14ac:dyDescent="0.25">
      <c r="B14" s="44" t="s">
        <v>10</v>
      </c>
      <c r="I14" s="28"/>
      <c r="J14" s="28"/>
      <c r="O14" s="42">
        <v>10000</v>
      </c>
      <c r="P14" s="75" t="s">
        <v>9</v>
      </c>
    </row>
    <row r="15" spans="1:16" x14ac:dyDescent="0.25">
      <c r="B15" s="44" t="s">
        <v>11</v>
      </c>
      <c r="I15" s="28"/>
      <c r="J15" s="28"/>
      <c r="O15" s="42">
        <v>10000</v>
      </c>
      <c r="P15" s="75" t="s">
        <v>9</v>
      </c>
    </row>
    <row r="16" spans="1:16" x14ac:dyDescent="0.25">
      <c r="B16" s="44" t="s">
        <v>12</v>
      </c>
      <c r="I16" s="28"/>
      <c r="J16" s="28"/>
      <c r="O16" s="40">
        <v>2000</v>
      </c>
      <c r="P16" s="75" t="s">
        <v>9</v>
      </c>
    </row>
    <row r="17" spans="1:16" x14ac:dyDescent="0.25">
      <c r="B17" s="44" t="s">
        <v>33</v>
      </c>
      <c r="I17" s="28"/>
      <c r="J17" s="28"/>
      <c r="O17" s="40">
        <v>500</v>
      </c>
      <c r="P17" s="75" t="s">
        <v>9</v>
      </c>
    </row>
    <row r="18" spans="1:16" ht="12" customHeight="1" x14ac:dyDescent="0.25">
      <c r="A18" s="41" t="s">
        <v>5</v>
      </c>
      <c r="B18" s="138" t="s">
        <v>13</v>
      </c>
      <c r="C18" s="138"/>
      <c r="D18" s="138"/>
      <c r="E18" s="138"/>
      <c r="F18" s="138"/>
      <c r="G18" s="138"/>
      <c r="H18" s="138"/>
      <c r="I18" s="138"/>
      <c r="J18" s="138"/>
      <c r="K18" s="138"/>
      <c r="L18" s="138"/>
      <c r="O18" s="40">
        <v>1000</v>
      </c>
    </row>
    <row r="19" spans="1:16" ht="12" customHeight="1" x14ac:dyDescent="0.25">
      <c r="A19" s="41" t="s">
        <v>5</v>
      </c>
      <c r="B19" s="138" t="s">
        <v>118</v>
      </c>
      <c r="C19" s="138"/>
      <c r="D19" s="138"/>
      <c r="E19" s="138"/>
      <c r="F19" s="138"/>
      <c r="G19" s="138"/>
      <c r="H19" s="138"/>
      <c r="I19" s="138"/>
      <c r="J19" s="138"/>
      <c r="K19" s="138"/>
      <c r="L19" s="138"/>
      <c r="M19" s="138"/>
      <c r="O19" s="40">
        <v>1000</v>
      </c>
    </row>
    <row r="20" spans="1:16" x14ac:dyDescent="0.25">
      <c r="A20" s="26" t="s">
        <v>5</v>
      </c>
      <c r="B20" s="75" t="s">
        <v>14</v>
      </c>
      <c r="I20" s="28"/>
      <c r="O20" s="36" t="s">
        <v>7</v>
      </c>
    </row>
    <row r="21" spans="1:16" x14ac:dyDescent="0.25">
      <c r="A21" s="26" t="s">
        <v>5</v>
      </c>
      <c r="B21" s="75" t="s">
        <v>15</v>
      </c>
      <c r="I21" s="28"/>
      <c r="O21" s="36" t="s">
        <v>7</v>
      </c>
    </row>
    <row r="22" spans="1:16" x14ac:dyDescent="0.25">
      <c r="A22" s="26" t="s">
        <v>5</v>
      </c>
      <c r="B22" s="141" t="s">
        <v>34</v>
      </c>
      <c r="C22" s="141"/>
      <c r="D22" s="141"/>
      <c r="E22" s="141"/>
      <c r="F22" s="141"/>
      <c r="G22" s="141"/>
      <c r="H22" s="141"/>
      <c r="I22" s="141"/>
      <c r="J22" s="141"/>
      <c r="K22" s="141"/>
      <c r="L22" s="141"/>
      <c r="M22" s="141"/>
      <c r="O22" s="36" t="s">
        <v>7</v>
      </c>
    </row>
    <row r="23" spans="1:16" x14ac:dyDescent="0.25">
      <c r="A23" s="41" t="s">
        <v>5</v>
      </c>
      <c r="B23" s="134" t="s">
        <v>91</v>
      </c>
      <c r="C23" s="134"/>
      <c r="D23" s="134"/>
      <c r="E23" s="134"/>
      <c r="F23" s="134"/>
      <c r="G23" s="134"/>
      <c r="H23" s="134"/>
      <c r="I23" s="134"/>
      <c r="J23" s="134"/>
      <c r="K23" s="134"/>
      <c r="L23" s="134"/>
      <c r="M23" s="134"/>
      <c r="N23" s="46"/>
      <c r="O23" s="42">
        <v>50000</v>
      </c>
    </row>
    <row r="24" spans="1:16" x14ac:dyDescent="0.25">
      <c r="A24" s="26" t="s">
        <v>5</v>
      </c>
      <c r="B24" s="75" t="s">
        <v>16</v>
      </c>
      <c r="I24" s="28"/>
      <c r="O24" s="36" t="s">
        <v>7</v>
      </c>
    </row>
    <row r="26" spans="1:16" ht="12" customHeight="1" x14ac:dyDescent="0.25">
      <c r="A26" s="137" t="s">
        <v>17</v>
      </c>
      <c r="B26" s="137"/>
      <c r="C26" s="137"/>
      <c r="D26" s="137"/>
      <c r="E26" s="137"/>
      <c r="F26" s="137"/>
      <c r="G26" s="137"/>
      <c r="H26" s="137"/>
      <c r="I26" s="137"/>
      <c r="J26" s="137"/>
      <c r="K26" s="137"/>
      <c r="L26" s="137"/>
      <c r="M26" s="137"/>
      <c r="N26" s="137"/>
      <c r="O26" s="137"/>
      <c r="P26" s="137"/>
    </row>
    <row r="27" spans="1:16" x14ac:dyDescent="0.25">
      <c r="A27" s="26" t="s">
        <v>5</v>
      </c>
      <c r="B27" s="75" t="s">
        <v>18</v>
      </c>
      <c r="I27" s="28"/>
      <c r="O27" s="47">
        <v>250</v>
      </c>
    </row>
    <row r="28" spans="1:16" x14ac:dyDescent="0.25">
      <c r="A28" s="26" t="s">
        <v>5</v>
      </c>
      <c r="B28" s="75" t="s">
        <v>19</v>
      </c>
      <c r="I28" s="28"/>
      <c r="O28" s="47">
        <v>250</v>
      </c>
    </row>
    <row r="29" spans="1:16" x14ac:dyDescent="0.25">
      <c r="A29" s="26" t="s">
        <v>5</v>
      </c>
      <c r="B29" s="75" t="s">
        <v>126</v>
      </c>
      <c r="I29" s="28"/>
      <c r="O29" s="50" t="s">
        <v>82</v>
      </c>
    </row>
    <row r="30" spans="1:16" x14ac:dyDescent="0.25">
      <c r="A30" s="41" t="s">
        <v>5</v>
      </c>
      <c r="B30" s="152" t="s">
        <v>127</v>
      </c>
      <c r="C30" s="152"/>
      <c r="D30" s="152"/>
      <c r="E30" s="152"/>
      <c r="F30" s="152"/>
      <c r="G30" s="152"/>
      <c r="H30" s="152"/>
      <c r="I30" s="152"/>
      <c r="J30" s="152"/>
      <c r="K30" s="152"/>
      <c r="L30" s="152"/>
      <c r="M30" s="152"/>
      <c r="N30" s="76"/>
      <c r="O30" s="73" t="s">
        <v>82</v>
      </c>
      <c r="P30" s="76"/>
    </row>
    <row r="31" spans="1:16" ht="12" customHeight="1" x14ac:dyDescent="0.25">
      <c r="A31" s="41" t="s">
        <v>5</v>
      </c>
      <c r="B31" s="148" t="s">
        <v>128</v>
      </c>
      <c r="C31" s="148"/>
      <c r="D31" s="148"/>
      <c r="E31" s="148"/>
      <c r="F31" s="148"/>
      <c r="G31" s="148"/>
      <c r="H31" s="148"/>
      <c r="I31" s="148"/>
      <c r="J31" s="148"/>
      <c r="K31" s="148"/>
      <c r="L31" s="148"/>
      <c r="M31" s="148"/>
      <c r="N31" s="84"/>
      <c r="O31" s="73" t="s">
        <v>82</v>
      </c>
      <c r="P31" s="84"/>
    </row>
    <row r="32" spans="1:16" x14ac:dyDescent="0.25">
      <c r="A32" s="36"/>
      <c r="B32" s="68" t="s">
        <v>280</v>
      </c>
      <c r="C32" s="50"/>
      <c r="D32" s="50"/>
      <c r="E32" s="50"/>
      <c r="F32" s="50"/>
      <c r="G32" s="50"/>
      <c r="H32" s="50"/>
      <c r="I32" s="49"/>
      <c r="J32" s="50"/>
      <c r="K32" s="49"/>
      <c r="L32" s="49"/>
      <c r="M32" s="49"/>
      <c r="N32" s="76"/>
      <c r="O32" s="76"/>
      <c r="P32" s="76"/>
    </row>
    <row r="33" spans="1:16" x14ac:dyDescent="0.25">
      <c r="I33" s="48"/>
    </row>
    <row r="34" spans="1:16" ht="12" customHeight="1" x14ac:dyDescent="0.25">
      <c r="A34" s="137" t="s">
        <v>20</v>
      </c>
      <c r="B34" s="137"/>
      <c r="C34" s="137"/>
      <c r="D34" s="137"/>
      <c r="E34" s="137"/>
      <c r="F34" s="137"/>
      <c r="G34" s="137"/>
      <c r="H34" s="137"/>
      <c r="I34" s="137"/>
      <c r="J34" s="137"/>
      <c r="K34" s="137"/>
      <c r="L34" s="137"/>
      <c r="M34" s="137"/>
      <c r="N34" s="137"/>
      <c r="O34" s="137"/>
      <c r="P34" s="137"/>
    </row>
    <row r="35" spans="1:16" ht="12" customHeight="1" x14ac:dyDescent="0.25">
      <c r="A35" s="41" t="s">
        <v>5</v>
      </c>
      <c r="B35" s="138" t="s">
        <v>87</v>
      </c>
      <c r="C35" s="138"/>
      <c r="D35" s="138"/>
      <c r="E35" s="138"/>
      <c r="F35" s="138"/>
      <c r="G35" s="138"/>
      <c r="H35" s="138"/>
      <c r="I35" s="138"/>
      <c r="J35" s="138"/>
      <c r="K35" s="138"/>
      <c r="L35" s="138"/>
      <c r="M35" s="138"/>
      <c r="N35" s="113"/>
    </row>
    <row r="36" spans="1:16" ht="12" customHeight="1" x14ac:dyDescent="0.25">
      <c r="A36" s="41" t="s">
        <v>5</v>
      </c>
      <c r="B36" s="138" t="s">
        <v>222</v>
      </c>
      <c r="C36" s="138"/>
      <c r="D36" s="138"/>
      <c r="E36" s="138"/>
      <c r="F36" s="138"/>
      <c r="G36" s="138"/>
      <c r="H36" s="138"/>
      <c r="I36" s="138"/>
      <c r="J36" s="138"/>
      <c r="K36" s="138"/>
      <c r="L36" s="138"/>
      <c r="M36" s="138"/>
      <c r="N36" s="138"/>
      <c r="O36" s="138"/>
      <c r="P36" s="138"/>
    </row>
    <row r="37" spans="1:16" ht="12" customHeight="1" x14ac:dyDescent="0.25">
      <c r="A37" s="41" t="s">
        <v>5</v>
      </c>
      <c r="B37" s="138" t="s">
        <v>223</v>
      </c>
      <c r="C37" s="138"/>
      <c r="D37" s="138"/>
      <c r="E37" s="138"/>
      <c r="F37" s="138"/>
      <c r="G37" s="138"/>
      <c r="H37" s="138"/>
      <c r="I37" s="138"/>
      <c r="J37" s="138"/>
      <c r="K37" s="138"/>
      <c r="L37" s="138"/>
      <c r="M37" s="138"/>
      <c r="N37" s="138"/>
      <c r="O37" s="138"/>
      <c r="P37" s="138"/>
    </row>
    <row r="38" spans="1:16" x14ac:dyDescent="0.25">
      <c r="A38" s="26" t="s">
        <v>5</v>
      </c>
      <c r="B38" s="141" t="s">
        <v>116</v>
      </c>
      <c r="C38" s="141"/>
      <c r="D38" s="141"/>
      <c r="E38" s="141"/>
      <c r="F38" s="141"/>
      <c r="G38" s="141"/>
      <c r="H38" s="141"/>
      <c r="I38" s="141"/>
      <c r="J38" s="141"/>
      <c r="K38" s="141"/>
      <c r="L38" s="141"/>
      <c r="M38" s="141"/>
      <c r="N38" s="141"/>
      <c r="O38" s="141"/>
      <c r="P38" s="141"/>
    </row>
    <row r="39" spans="1:16" ht="23.25" customHeight="1" x14ac:dyDescent="0.25">
      <c r="A39" s="41" t="s">
        <v>5</v>
      </c>
      <c r="B39" s="144" t="s">
        <v>154</v>
      </c>
      <c r="C39" s="144"/>
      <c r="D39" s="144"/>
      <c r="E39" s="144"/>
      <c r="F39" s="144"/>
      <c r="G39" s="144"/>
      <c r="H39" s="144"/>
      <c r="I39" s="144"/>
      <c r="J39" s="144"/>
      <c r="K39" s="144"/>
      <c r="L39" s="144"/>
      <c r="M39" s="144"/>
      <c r="N39" s="144"/>
      <c r="O39" s="144"/>
      <c r="P39" s="144"/>
    </row>
    <row r="40" spans="1:16" x14ac:dyDescent="0.25">
      <c r="A40" s="41" t="s">
        <v>5</v>
      </c>
      <c r="B40" s="142" t="s">
        <v>102</v>
      </c>
      <c r="C40" s="142"/>
      <c r="D40" s="142"/>
      <c r="E40" s="142"/>
      <c r="F40" s="142"/>
      <c r="G40" s="142"/>
      <c r="H40" s="142"/>
      <c r="I40" s="142"/>
      <c r="J40" s="142"/>
      <c r="K40" s="142"/>
      <c r="L40" s="142"/>
      <c r="M40" s="142"/>
      <c r="N40" s="142"/>
      <c r="O40" s="142"/>
      <c r="P40" s="142"/>
    </row>
    <row r="41" spans="1:16" x14ac:dyDescent="0.25">
      <c r="A41" s="26" t="s">
        <v>5</v>
      </c>
      <c r="B41" s="69" t="s">
        <v>103</v>
      </c>
      <c r="C41" s="63"/>
      <c r="D41" s="63"/>
      <c r="E41" s="63"/>
      <c r="F41" s="63"/>
      <c r="G41" s="63"/>
      <c r="H41" s="63"/>
      <c r="I41" s="63"/>
      <c r="J41" s="63"/>
      <c r="K41" s="70"/>
      <c r="L41" s="70"/>
      <c r="M41" s="70"/>
      <c r="N41" s="70"/>
      <c r="O41" s="70"/>
      <c r="P41" s="70"/>
    </row>
    <row r="42" spans="1:16" x14ac:dyDescent="0.25">
      <c r="A42" s="26" t="s">
        <v>5</v>
      </c>
      <c r="B42" s="69" t="s">
        <v>155</v>
      </c>
      <c r="C42" s="63"/>
      <c r="D42" s="63"/>
      <c r="E42" s="63"/>
      <c r="F42" s="63"/>
      <c r="G42" s="63"/>
      <c r="H42" s="63"/>
      <c r="I42" s="63"/>
      <c r="J42" s="63"/>
      <c r="K42" s="70"/>
      <c r="L42" s="70"/>
      <c r="M42" s="70"/>
      <c r="N42" s="70"/>
      <c r="O42" s="70"/>
      <c r="P42" s="70"/>
    </row>
    <row r="43" spans="1:16" x14ac:dyDescent="0.25">
      <c r="A43" s="26" t="s">
        <v>5</v>
      </c>
      <c r="B43" s="71" t="s">
        <v>26</v>
      </c>
      <c r="C43" s="72"/>
      <c r="D43" s="72"/>
      <c r="E43" s="72"/>
      <c r="F43" s="72"/>
      <c r="G43" s="72"/>
      <c r="H43" s="72"/>
      <c r="I43" s="72"/>
      <c r="J43" s="72"/>
      <c r="K43" s="53"/>
      <c r="L43" s="53"/>
      <c r="M43" s="53"/>
      <c r="N43" s="53"/>
      <c r="O43" s="53"/>
      <c r="P43" s="53"/>
    </row>
    <row r="44" spans="1:16" x14ac:dyDescent="0.25">
      <c r="A44" s="26" t="s">
        <v>5</v>
      </c>
      <c r="B44" s="71" t="s">
        <v>179</v>
      </c>
      <c r="C44" s="72"/>
      <c r="D44" s="72"/>
      <c r="E44" s="72"/>
      <c r="F44" s="72"/>
      <c r="G44" s="72"/>
      <c r="H44" s="72"/>
      <c r="I44" s="72"/>
      <c r="J44" s="72"/>
      <c r="K44" s="53"/>
      <c r="L44" s="53"/>
      <c r="M44" s="53"/>
      <c r="N44" s="53"/>
      <c r="O44" s="53"/>
      <c r="P44" s="53"/>
    </row>
    <row r="45" spans="1:16" x14ac:dyDescent="0.25">
      <c r="A45" s="26" t="s">
        <v>5</v>
      </c>
      <c r="B45" s="71" t="s">
        <v>117</v>
      </c>
      <c r="C45" s="72"/>
      <c r="D45" s="72"/>
      <c r="E45" s="72"/>
      <c r="F45" s="72"/>
      <c r="G45" s="72"/>
      <c r="H45" s="72"/>
      <c r="I45" s="72"/>
      <c r="J45" s="72"/>
      <c r="K45" s="53"/>
      <c r="L45" s="53"/>
      <c r="M45" s="53"/>
      <c r="N45" s="53"/>
      <c r="O45" s="53"/>
      <c r="P45" s="53"/>
    </row>
    <row r="46" spans="1:16" ht="24" customHeight="1" x14ac:dyDescent="0.25">
      <c r="A46" s="41" t="s">
        <v>5</v>
      </c>
      <c r="B46" s="158" t="s">
        <v>156</v>
      </c>
      <c r="C46" s="158"/>
      <c r="D46" s="158"/>
      <c r="E46" s="158"/>
      <c r="F46" s="158"/>
      <c r="G46" s="158"/>
      <c r="H46" s="158"/>
      <c r="I46" s="158"/>
      <c r="J46" s="158"/>
      <c r="K46" s="158"/>
      <c r="L46" s="158"/>
      <c r="M46" s="158"/>
      <c r="N46" s="158"/>
      <c r="O46" s="158"/>
      <c r="P46" s="158"/>
    </row>
    <row r="48" spans="1:16" x14ac:dyDescent="0.25">
      <c r="A48" s="75"/>
      <c r="B48" s="141" t="s">
        <v>21</v>
      </c>
      <c r="C48" s="141"/>
      <c r="D48" s="141"/>
      <c r="E48" s="141"/>
      <c r="F48" s="141"/>
      <c r="G48" s="141"/>
      <c r="H48" s="141"/>
      <c r="I48" s="141"/>
      <c r="J48" s="141"/>
      <c r="K48" s="141"/>
      <c r="L48" s="141"/>
      <c r="M48" s="141"/>
      <c r="N48" s="141"/>
      <c r="O48" s="141"/>
      <c r="P48" s="141"/>
    </row>
    <row r="49" spans="1:16" ht="25.5" customHeight="1" x14ac:dyDescent="0.25">
      <c r="A49" s="93"/>
      <c r="B49" s="139" t="s">
        <v>197</v>
      </c>
      <c r="C49" s="138"/>
      <c r="D49" s="138"/>
      <c r="E49" s="138"/>
      <c r="F49" s="138"/>
      <c r="G49" s="138"/>
      <c r="H49" s="138"/>
      <c r="I49" s="138"/>
      <c r="J49" s="138"/>
      <c r="K49" s="138"/>
      <c r="L49" s="138"/>
      <c r="M49" s="138"/>
      <c r="N49" s="138"/>
      <c r="O49" s="138"/>
      <c r="P49" s="138"/>
    </row>
    <row r="50" spans="1:16" ht="13.5" customHeight="1" x14ac:dyDescent="0.25"/>
    <row r="51" spans="1:16" ht="11.25" customHeight="1" x14ac:dyDescent="0.25">
      <c r="A51" s="137" t="s">
        <v>62</v>
      </c>
      <c r="B51" s="137"/>
      <c r="C51" s="137"/>
      <c r="D51" s="137"/>
      <c r="E51" s="137"/>
      <c r="F51" s="137"/>
      <c r="G51" s="137"/>
      <c r="H51" s="137"/>
      <c r="I51" s="137"/>
      <c r="J51" s="137"/>
      <c r="K51" s="137"/>
      <c r="L51" s="137"/>
      <c r="M51" s="137"/>
      <c r="N51" s="137"/>
      <c r="O51" s="137"/>
      <c r="P51" s="137"/>
    </row>
    <row r="52" spans="1:16" s="53" customFormat="1" x14ac:dyDescent="0.25">
      <c r="A52" s="41" t="s">
        <v>5</v>
      </c>
      <c r="B52" s="134" t="s">
        <v>63</v>
      </c>
      <c r="C52" s="134"/>
      <c r="D52" s="134"/>
      <c r="E52" s="134"/>
      <c r="F52" s="134"/>
      <c r="G52" s="134"/>
      <c r="H52" s="134"/>
      <c r="I52" s="134"/>
      <c r="J52" s="134"/>
      <c r="K52" s="134"/>
      <c r="L52" s="134"/>
      <c r="M52" s="134"/>
      <c r="N52" s="134"/>
      <c r="O52" s="134"/>
      <c r="P52" s="134"/>
    </row>
    <row r="53" spans="1:16" x14ac:dyDescent="0.25">
      <c r="A53" s="41" t="s">
        <v>5</v>
      </c>
      <c r="B53" s="138" t="s">
        <v>139</v>
      </c>
      <c r="C53" s="138"/>
      <c r="D53" s="138"/>
      <c r="E53" s="138"/>
      <c r="F53" s="138"/>
      <c r="G53" s="138"/>
      <c r="H53" s="138"/>
      <c r="I53" s="138"/>
      <c r="J53" s="138"/>
      <c r="K53" s="138"/>
      <c r="L53" s="138"/>
      <c r="M53" s="138"/>
      <c r="N53" s="138"/>
      <c r="O53" s="138"/>
      <c r="P53" s="138"/>
    </row>
    <row r="54" spans="1:16" s="53" customFormat="1" ht="25.5" customHeight="1" x14ac:dyDescent="0.25">
      <c r="A54" s="41" t="s">
        <v>5</v>
      </c>
      <c r="B54" s="134" t="s">
        <v>68</v>
      </c>
      <c r="C54" s="134"/>
      <c r="D54" s="134"/>
      <c r="E54" s="134"/>
      <c r="F54" s="134"/>
      <c r="G54" s="134"/>
      <c r="H54" s="134"/>
      <c r="I54" s="134"/>
      <c r="J54" s="134"/>
      <c r="K54" s="134"/>
      <c r="L54" s="134"/>
      <c r="M54" s="134"/>
      <c r="N54" s="134"/>
      <c r="O54" s="134"/>
      <c r="P54" s="134"/>
    </row>
    <row r="55" spans="1:16" s="53" customFormat="1" ht="12" customHeight="1" x14ac:dyDescent="0.25">
      <c r="A55" s="41" t="s">
        <v>5</v>
      </c>
      <c r="B55" s="134" t="s">
        <v>69</v>
      </c>
      <c r="C55" s="134"/>
      <c r="D55" s="134"/>
      <c r="E55" s="134"/>
      <c r="F55" s="134"/>
      <c r="G55" s="134"/>
      <c r="H55" s="134"/>
      <c r="I55" s="134"/>
      <c r="J55" s="134"/>
      <c r="K55" s="134"/>
      <c r="L55" s="134"/>
      <c r="M55" s="134"/>
      <c r="N55" s="134"/>
      <c r="O55" s="134"/>
      <c r="P55" s="134"/>
    </row>
    <row r="56" spans="1:16" s="53" customFormat="1" ht="37.5" customHeight="1" x14ac:dyDescent="0.25">
      <c r="A56" s="41" t="s">
        <v>5</v>
      </c>
      <c r="B56" s="134" t="s">
        <v>66</v>
      </c>
      <c r="C56" s="134"/>
      <c r="D56" s="134"/>
      <c r="E56" s="134"/>
      <c r="F56" s="134"/>
      <c r="G56" s="134"/>
      <c r="H56" s="134"/>
      <c r="I56" s="134"/>
      <c r="J56" s="134"/>
      <c r="K56" s="134"/>
      <c r="L56" s="134"/>
      <c r="M56" s="134"/>
      <c r="N56" s="134"/>
      <c r="O56" s="134"/>
      <c r="P56" s="134"/>
    </row>
    <row r="57" spans="1:16" s="53" customFormat="1" ht="27" customHeight="1" x14ac:dyDescent="0.25">
      <c r="A57" s="41" t="s">
        <v>5</v>
      </c>
      <c r="B57" s="134" t="s">
        <v>145</v>
      </c>
      <c r="C57" s="134"/>
      <c r="D57" s="134"/>
      <c r="E57" s="134"/>
      <c r="F57" s="134"/>
      <c r="G57" s="134"/>
      <c r="H57" s="134"/>
      <c r="I57" s="134"/>
      <c r="J57" s="134"/>
      <c r="K57" s="134"/>
      <c r="L57" s="134"/>
      <c r="M57" s="134"/>
      <c r="N57" s="134"/>
      <c r="O57" s="134"/>
      <c r="P57" s="134"/>
    </row>
    <row r="58" spans="1:16" s="53" customFormat="1" x14ac:dyDescent="0.25">
      <c r="A58" s="41" t="s">
        <v>5</v>
      </c>
      <c r="B58" s="135" t="s">
        <v>130</v>
      </c>
      <c r="C58" s="135"/>
      <c r="D58" s="135"/>
      <c r="E58" s="135"/>
      <c r="F58" s="135"/>
      <c r="G58" s="135"/>
      <c r="H58" s="135"/>
      <c r="I58" s="135"/>
      <c r="J58" s="135"/>
      <c r="K58" s="135"/>
      <c r="L58" s="135"/>
      <c r="M58" s="135"/>
      <c r="N58" s="135"/>
      <c r="O58" s="135"/>
      <c r="P58" s="135"/>
    </row>
    <row r="59" spans="1:16" ht="24" customHeight="1" x14ac:dyDescent="0.25">
      <c r="A59" s="41" t="s">
        <v>5</v>
      </c>
      <c r="B59" s="148" t="s">
        <v>142</v>
      </c>
      <c r="C59" s="148"/>
      <c r="D59" s="148"/>
      <c r="E59" s="148"/>
      <c r="F59" s="148"/>
      <c r="G59" s="148"/>
      <c r="H59" s="148"/>
      <c r="I59" s="148"/>
      <c r="J59" s="148"/>
      <c r="K59" s="148"/>
      <c r="L59" s="148"/>
      <c r="M59" s="148"/>
      <c r="N59" s="148"/>
      <c r="O59" s="148"/>
      <c r="P59" s="148"/>
    </row>
    <row r="60" spans="1:16" x14ac:dyDescent="0.25">
      <c r="A60" s="41" t="s">
        <v>5</v>
      </c>
      <c r="B60" s="136" t="s">
        <v>129</v>
      </c>
      <c r="C60" s="136"/>
      <c r="D60" s="136"/>
      <c r="E60" s="136"/>
      <c r="F60" s="136"/>
      <c r="G60" s="136"/>
      <c r="H60" s="136"/>
      <c r="I60" s="136"/>
      <c r="J60" s="136"/>
      <c r="K60" s="136"/>
      <c r="L60" s="136"/>
      <c r="M60" s="136"/>
      <c r="N60" s="136"/>
      <c r="O60" s="136"/>
      <c r="P60" s="136"/>
    </row>
    <row r="61" spans="1:16" x14ac:dyDescent="0.25">
      <c r="A61" s="41" t="s">
        <v>5</v>
      </c>
      <c r="B61" s="136" t="s">
        <v>28</v>
      </c>
      <c r="C61" s="136"/>
      <c r="D61" s="136"/>
      <c r="E61" s="136"/>
      <c r="F61" s="136"/>
      <c r="G61" s="136"/>
      <c r="H61" s="136"/>
      <c r="I61" s="136"/>
      <c r="J61" s="136"/>
      <c r="K61" s="136"/>
      <c r="L61" s="136"/>
      <c r="M61" s="136"/>
      <c r="N61" s="136"/>
      <c r="O61" s="136"/>
      <c r="P61" s="136"/>
    </row>
    <row r="62" spans="1:16" s="53" customFormat="1" x14ac:dyDescent="0.25">
      <c r="A62" s="36" t="s">
        <v>5</v>
      </c>
      <c r="B62" s="147" t="s">
        <v>157</v>
      </c>
      <c r="C62" s="147"/>
      <c r="D62" s="147"/>
      <c r="E62" s="147"/>
      <c r="F62" s="147"/>
      <c r="G62" s="147"/>
      <c r="H62" s="147"/>
      <c r="I62" s="147"/>
      <c r="J62" s="147"/>
      <c r="K62" s="147"/>
      <c r="L62" s="147"/>
      <c r="M62" s="147"/>
      <c r="N62" s="147"/>
      <c r="O62" s="147"/>
      <c r="P62" s="147"/>
    </row>
    <row r="63" spans="1:16" s="49" customFormat="1" ht="12" customHeight="1" x14ac:dyDescent="0.25">
      <c r="A63" s="41" t="s">
        <v>5</v>
      </c>
      <c r="B63" s="147" t="s">
        <v>22</v>
      </c>
      <c r="C63" s="147"/>
      <c r="D63" s="147"/>
      <c r="E63" s="147"/>
      <c r="F63" s="147"/>
      <c r="G63" s="147"/>
      <c r="H63" s="147"/>
      <c r="I63" s="147"/>
      <c r="J63" s="147"/>
      <c r="K63" s="147"/>
      <c r="L63" s="147"/>
      <c r="M63" s="147"/>
      <c r="N63" s="147"/>
      <c r="O63" s="147"/>
    </row>
    <row r="64" spans="1:16" x14ac:dyDescent="0.25">
      <c r="A64" s="41"/>
      <c r="B64" s="54"/>
      <c r="C64" s="54"/>
      <c r="D64" s="54"/>
      <c r="E64" s="54"/>
      <c r="F64" s="54"/>
      <c r="G64" s="54"/>
      <c r="H64" s="54"/>
      <c r="I64" s="54"/>
      <c r="J64" s="54"/>
      <c r="K64" s="54"/>
      <c r="L64" s="54"/>
      <c r="M64" s="54"/>
      <c r="N64" s="54"/>
      <c r="O64" s="54"/>
      <c r="P64" s="54"/>
    </row>
    <row r="65" spans="1:256" ht="11.25" customHeight="1" x14ac:dyDescent="0.25">
      <c r="A65" s="137" t="s">
        <v>134</v>
      </c>
      <c r="B65" s="137"/>
      <c r="C65" s="137"/>
      <c r="D65" s="137"/>
      <c r="E65" s="137"/>
      <c r="F65" s="137"/>
      <c r="G65" s="137"/>
      <c r="H65" s="137"/>
      <c r="I65" s="137"/>
      <c r="J65" s="137"/>
      <c r="K65" s="137"/>
      <c r="L65" s="137"/>
      <c r="M65" s="137"/>
      <c r="N65" s="137"/>
      <c r="O65" s="137"/>
      <c r="P65" s="137"/>
    </row>
    <row r="66" spans="1:256" s="53" customFormat="1" x14ac:dyDescent="0.25">
      <c r="A66" s="55"/>
      <c r="B66" s="74"/>
      <c r="C66" s="74"/>
      <c r="D66" s="74"/>
      <c r="E66" s="74"/>
      <c r="F66" s="74"/>
      <c r="G66" s="74"/>
      <c r="H66" s="74"/>
      <c r="I66" s="74"/>
      <c r="J66" s="74"/>
      <c r="K66" s="74"/>
      <c r="L66" s="74"/>
      <c r="M66" s="74"/>
      <c r="N66" s="74"/>
      <c r="O66" s="74"/>
      <c r="P66" s="74"/>
    </row>
    <row r="67" spans="1:256" x14ac:dyDescent="0.25">
      <c r="A67" s="41"/>
      <c r="B67" s="82" t="s">
        <v>115</v>
      </c>
      <c r="C67" s="80"/>
      <c r="D67" s="80"/>
      <c r="E67" s="80"/>
      <c r="F67" s="80"/>
      <c r="G67" s="80"/>
      <c r="H67" s="80"/>
      <c r="I67" s="80"/>
      <c r="J67" s="80"/>
      <c r="K67" s="80"/>
      <c r="L67" s="80"/>
      <c r="M67" s="80"/>
      <c r="N67" s="80"/>
      <c r="O67" s="80"/>
      <c r="P67" s="80"/>
    </row>
    <row r="68" spans="1:256" ht="8.25" customHeight="1" x14ac:dyDescent="0.25">
      <c r="A68" s="41"/>
      <c r="B68" s="81"/>
      <c r="C68" s="80"/>
      <c r="D68" s="80"/>
      <c r="E68" s="80"/>
      <c r="F68" s="80"/>
      <c r="G68" s="80"/>
      <c r="H68" s="80"/>
      <c r="I68" s="80"/>
      <c r="J68" s="80"/>
      <c r="K68" s="80"/>
      <c r="L68" s="80"/>
      <c r="M68" s="80"/>
      <c r="N68" s="80"/>
      <c r="O68" s="80"/>
      <c r="P68" s="80"/>
    </row>
    <row r="69" spans="1:256" ht="66.75" customHeight="1" x14ac:dyDescent="0.25">
      <c r="A69" s="41"/>
      <c r="B69" s="136" t="s">
        <v>232</v>
      </c>
      <c r="C69" s="136"/>
      <c r="D69" s="136"/>
      <c r="E69" s="136"/>
      <c r="F69" s="136"/>
      <c r="G69" s="136"/>
      <c r="H69" s="136"/>
      <c r="I69" s="136"/>
      <c r="J69" s="136"/>
      <c r="K69" s="136"/>
      <c r="L69" s="136"/>
      <c r="M69" s="136"/>
      <c r="N69" s="136"/>
      <c r="O69" s="136"/>
      <c r="P69" s="136"/>
    </row>
    <row r="70" spans="1:256" s="53" customFormat="1" x14ac:dyDescent="0.25">
      <c r="A70" s="55"/>
      <c r="B70" s="57"/>
      <c r="C70" s="57"/>
      <c r="D70" s="57"/>
      <c r="E70" s="57"/>
      <c r="F70" s="57"/>
      <c r="G70" s="57"/>
      <c r="H70" s="57"/>
      <c r="I70" s="57"/>
      <c r="J70" s="57"/>
      <c r="K70" s="57"/>
      <c r="L70" s="57"/>
      <c r="M70" s="57"/>
      <c r="N70" s="57"/>
      <c r="O70" s="57"/>
      <c r="P70" s="57"/>
    </row>
    <row r="71" spans="1:256" ht="12" customHeight="1" x14ac:dyDescent="0.25">
      <c r="A71" s="137" t="s">
        <v>27</v>
      </c>
      <c r="B71" s="137"/>
      <c r="C71" s="137"/>
      <c r="D71" s="137"/>
      <c r="E71" s="137"/>
      <c r="F71" s="137"/>
      <c r="G71" s="137"/>
      <c r="H71" s="137"/>
      <c r="I71" s="137"/>
      <c r="J71" s="137"/>
      <c r="K71" s="137"/>
      <c r="L71" s="137"/>
      <c r="M71" s="137"/>
      <c r="N71" s="137"/>
      <c r="O71" s="137"/>
      <c r="P71" s="137"/>
    </row>
    <row r="73" spans="1:256" ht="29.25" customHeight="1" x14ac:dyDescent="0.25">
      <c r="B73" s="162" t="s">
        <v>137</v>
      </c>
      <c r="C73" s="162"/>
      <c r="D73" s="77">
        <v>0</v>
      </c>
      <c r="E73" s="77">
        <v>1</v>
      </c>
      <c r="F73" s="77">
        <v>2</v>
      </c>
      <c r="G73" s="77">
        <v>3</v>
      </c>
      <c r="H73" s="77">
        <v>4</v>
      </c>
      <c r="I73" s="77">
        <v>5</v>
      </c>
      <c r="J73" s="77">
        <v>6</v>
      </c>
      <c r="K73" s="77">
        <v>7</v>
      </c>
      <c r="L73" s="77">
        <v>8</v>
      </c>
      <c r="M73" s="77">
        <v>9</v>
      </c>
      <c r="N73" s="77">
        <v>10</v>
      </c>
      <c r="O73" s="77" t="s">
        <v>55</v>
      </c>
      <c r="P73" s="77" t="s">
        <v>133</v>
      </c>
    </row>
    <row r="74" spans="1:256" x14ac:dyDescent="0.25">
      <c r="B74" s="163" t="s">
        <v>93</v>
      </c>
      <c r="C74" s="163"/>
      <c r="D74" s="59">
        <v>8.5000000000000006E-2</v>
      </c>
      <c r="E74" s="59">
        <v>8.7999999999999995E-2</v>
      </c>
      <c r="F74" s="59">
        <v>9.0999999999999998E-2</v>
      </c>
      <c r="G74" s="59">
        <v>9.4E-2</v>
      </c>
      <c r="H74" s="59">
        <v>9.7000000000000003E-2</v>
      </c>
      <c r="I74" s="59">
        <v>0.1</v>
      </c>
      <c r="J74" s="59">
        <v>0.1</v>
      </c>
      <c r="K74" s="59">
        <v>0.1</v>
      </c>
      <c r="L74" s="59">
        <v>0.1</v>
      </c>
      <c r="M74" s="59">
        <v>0.1</v>
      </c>
      <c r="N74" s="59">
        <v>0.1</v>
      </c>
      <c r="O74" s="59">
        <v>0.1</v>
      </c>
      <c r="P74" s="83">
        <v>400</v>
      </c>
    </row>
    <row r="76" spans="1:256" s="49" customFormat="1" ht="12" customHeight="1" x14ac:dyDescent="0.25">
      <c r="A76" s="137" t="s">
        <v>138</v>
      </c>
      <c r="B76" s="137"/>
      <c r="C76" s="137"/>
      <c r="D76" s="137"/>
      <c r="E76" s="137"/>
      <c r="F76" s="137"/>
      <c r="G76" s="137"/>
      <c r="H76" s="137"/>
      <c r="I76" s="137"/>
      <c r="J76" s="137"/>
      <c r="K76" s="137"/>
      <c r="L76" s="137"/>
      <c r="M76" s="137"/>
      <c r="N76" s="137"/>
      <c r="O76" s="137"/>
      <c r="P76" s="137"/>
      <c r="Q76" s="156" t="s">
        <v>27</v>
      </c>
      <c r="R76" s="156"/>
      <c r="S76" s="156"/>
      <c r="T76" s="156"/>
      <c r="U76" s="156"/>
      <c r="V76" s="156"/>
      <c r="W76" s="156"/>
      <c r="X76" s="156"/>
      <c r="Y76" s="156"/>
      <c r="Z76" s="156"/>
      <c r="AA76" s="156"/>
      <c r="AB76" s="156"/>
      <c r="AC76" s="156"/>
      <c r="AD76" s="156"/>
      <c r="AE76" s="156"/>
      <c r="AF76" s="156"/>
      <c r="AG76" s="156" t="s">
        <v>27</v>
      </c>
      <c r="AH76" s="156"/>
      <c r="AI76" s="156"/>
      <c r="AJ76" s="156"/>
      <c r="AK76" s="156"/>
      <c r="AL76" s="156"/>
      <c r="AM76" s="156"/>
      <c r="AN76" s="156"/>
      <c r="AO76" s="156"/>
      <c r="AP76" s="156"/>
      <c r="AQ76" s="156"/>
      <c r="AR76" s="156"/>
      <c r="AS76" s="156"/>
      <c r="AT76" s="156"/>
      <c r="AU76" s="156"/>
      <c r="AV76" s="156"/>
      <c r="AW76" s="156" t="s">
        <v>27</v>
      </c>
      <c r="AX76" s="156"/>
      <c r="AY76" s="156"/>
      <c r="AZ76" s="156"/>
      <c r="BA76" s="156"/>
      <c r="BB76" s="156"/>
      <c r="BC76" s="156"/>
      <c r="BD76" s="156"/>
      <c r="BE76" s="156"/>
      <c r="BF76" s="156"/>
      <c r="BG76" s="156"/>
      <c r="BH76" s="156"/>
      <c r="BI76" s="156"/>
      <c r="BJ76" s="156"/>
      <c r="BK76" s="156"/>
      <c r="BL76" s="156"/>
      <c r="BM76" s="156" t="s">
        <v>27</v>
      </c>
      <c r="BN76" s="156"/>
      <c r="BO76" s="156"/>
      <c r="BP76" s="156"/>
      <c r="BQ76" s="156"/>
      <c r="BR76" s="156"/>
      <c r="BS76" s="156"/>
      <c r="BT76" s="156"/>
      <c r="BU76" s="156"/>
      <c r="BV76" s="156"/>
      <c r="BW76" s="156"/>
      <c r="BX76" s="156"/>
      <c r="BY76" s="156"/>
      <c r="BZ76" s="156"/>
      <c r="CA76" s="156"/>
      <c r="CB76" s="156"/>
      <c r="CC76" s="156" t="s">
        <v>27</v>
      </c>
      <c r="CD76" s="156"/>
      <c r="CE76" s="156"/>
      <c r="CF76" s="156"/>
      <c r="CG76" s="156"/>
      <c r="CH76" s="156"/>
      <c r="CI76" s="156"/>
      <c r="CJ76" s="156"/>
      <c r="CK76" s="156"/>
      <c r="CL76" s="156"/>
      <c r="CM76" s="156"/>
      <c r="CN76" s="156"/>
      <c r="CO76" s="156"/>
      <c r="CP76" s="156"/>
      <c r="CQ76" s="156"/>
      <c r="CR76" s="156"/>
      <c r="CS76" s="156" t="s">
        <v>27</v>
      </c>
      <c r="CT76" s="156"/>
      <c r="CU76" s="156"/>
      <c r="CV76" s="156"/>
      <c r="CW76" s="156"/>
      <c r="CX76" s="156"/>
      <c r="CY76" s="156"/>
      <c r="CZ76" s="156"/>
      <c r="DA76" s="156"/>
      <c r="DB76" s="156"/>
      <c r="DC76" s="156"/>
      <c r="DD76" s="156"/>
      <c r="DE76" s="156"/>
      <c r="DF76" s="156"/>
      <c r="DG76" s="156"/>
      <c r="DH76" s="156"/>
      <c r="DI76" s="156" t="s">
        <v>27</v>
      </c>
      <c r="DJ76" s="156"/>
      <c r="DK76" s="156"/>
      <c r="DL76" s="156"/>
      <c r="DM76" s="156"/>
      <c r="DN76" s="156"/>
      <c r="DO76" s="156"/>
      <c r="DP76" s="156"/>
      <c r="DQ76" s="156"/>
      <c r="DR76" s="156"/>
      <c r="DS76" s="156"/>
      <c r="DT76" s="156"/>
      <c r="DU76" s="156"/>
      <c r="DV76" s="156"/>
      <c r="DW76" s="156"/>
      <c r="DX76" s="156"/>
      <c r="DY76" s="156" t="s">
        <v>27</v>
      </c>
      <c r="DZ76" s="156"/>
      <c r="EA76" s="156"/>
      <c r="EB76" s="156"/>
      <c r="EC76" s="156"/>
      <c r="ED76" s="156"/>
      <c r="EE76" s="156"/>
      <c r="EF76" s="156"/>
      <c r="EG76" s="156"/>
      <c r="EH76" s="156"/>
      <c r="EI76" s="156"/>
      <c r="EJ76" s="156"/>
      <c r="EK76" s="156"/>
      <c r="EL76" s="156"/>
      <c r="EM76" s="156"/>
      <c r="EN76" s="156"/>
      <c r="EO76" s="156" t="s">
        <v>27</v>
      </c>
      <c r="EP76" s="156"/>
      <c r="EQ76" s="156"/>
      <c r="ER76" s="156"/>
      <c r="ES76" s="156"/>
      <c r="ET76" s="156"/>
      <c r="EU76" s="156"/>
      <c r="EV76" s="156"/>
      <c r="EW76" s="156"/>
      <c r="EX76" s="156"/>
      <c r="EY76" s="156"/>
      <c r="EZ76" s="156"/>
      <c r="FA76" s="156"/>
      <c r="FB76" s="156"/>
      <c r="FC76" s="156"/>
      <c r="FD76" s="156"/>
      <c r="FE76" s="156" t="s">
        <v>27</v>
      </c>
      <c r="FF76" s="156"/>
      <c r="FG76" s="156"/>
      <c r="FH76" s="156"/>
      <c r="FI76" s="156"/>
      <c r="FJ76" s="156"/>
      <c r="FK76" s="156"/>
      <c r="FL76" s="156"/>
      <c r="FM76" s="156"/>
      <c r="FN76" s="156"/>
      <c r="FO76" s="156"/>
      <c r="FP76" s="156"/>
      <c r="FQ76" s="156"/>
      <c r="FR76" s="156"/>
      <c r="FS76" s="156"/>
      <c r="FT76" s="156"/>
      <c r="FU76" s="156" t="s">
        <v>27</v>
      </c>
      <c r="FV76" s="156"/>
      <c r="FW76" s="156"/>
      <c r="FX76" s="156"/>
      <c r="FY76" s="156"/>
      <c r="FZ76" s="156"/>
      <c r="GA76" s="156"/>
      <c r="GB76" s="156"/>
      <c r="GC76" s="156"/>
      <c r="GD76" s="156"/>
      <c r="GE76" s="156"/>
      <c r="GF76" s="156"/>
      <c r="GG76" s="156"/>
      <c r="GH76" s="156"/>
      <c r="GI76" s="156"/>
      <c r="GJ76" s="156"/>
      <c r="GK76" s="156" t="s">
        <v>27</v>
      </c>
      <c r="GL76" s="156"/>
      <c r="GM76" s="156"/>
      <c r="GN76" s="156"/>
      <c r="GO76" s="156"/>
      <c r="GP76" s="156"/>
      <c r="GQ76" s="156"/>
      <c r="GR76" s="156"/>
      <c r="GS76" s="156"/>
      <c r="GT76" s="156"/>
      <c r="GU76" s="156"/>
      <c r="GV76" s="156"/>
      <c r="GW76" s="156"/>
      <c r="GX76" s="156"/>
      <c r="GY76" s="156"/>
      <c r="GZ76" s="156"/>
      <c r="HA76" s="156" t="s">
        <v>27</v>
      </c>
      <c r="HB76" s="156"/>
      <c r="HC76" s="156"/>
      <c r="HD76" s="156"/>
      <c r="HE76" s="156"/>
      <c r="HF76" s="156"/>
      <c r="HG76" s="156"/>
      <c r="HH76" s="156"/>
      <c r="HI76" s="156"/>
      <c r="HJ76" s="156"/>
      <c r="HK76" s="156"/>
      <c r="HL76" s="156"/>
      <c r="HM76" s="156"/>
      <c r="HN76" s="156"/>
      <c r="HO76" s="156"/>
      <c r="HP76" s="156"/>
      <c r="HQ76" s="156" t="s">
        <v>27</v>
      </c>
      <c r="HR76" s="156"/>
      <c r="HS76" s="156"/>
      <c r="HT76" s="156"/>
      <c r="HU76" s="156"/>
      <c r="HV76" s="156"/>
      <c r="HW76" s="156"/>
      <c r="HX76" s="156"/>
      <c r="HY76" s="156"/>
      <c r="HZ76" s="156"/>
      <c r="IA76" s="156"/>
      <c r="IB76" s="156"/>
      <c r="IC76" s="156"/>
      <c r="ID76" s="156"/>
      <c r="IE76" s="156"/>
      <c r="IF76" s="156"/>
      <c r="IG76" s="156" t="s">
        <v>27</v>
      </c>
      <c r="IH76" s="156"/>
      <c r="II76" s="156"/>
      <c r="IJ76" s="156"/>
      <c r="IK76" s="156"/>
      <c r="IL76" s="156"/>
      <c r="IM76" s="156"/>
      <c r="IN76" s="156"/>
      <c r="IO76" s="156"/>
      <c r="IP76" s="156"/>
      <c r="IQ76" s="156"/>
      <c r="IR76" s="156"/>
      <c r="IS76" s="156"/>
      <c r="IT76" s="156"/>
      <c r="IU76" s="156"/>
      <c r="IV76" s="156"/>
    </row>
    <row r="77" spans="1:256" x14ac:dyDescent="0.25">
      <c r="A77" s="26" t="s">
        <v>5</v>
      </c>
      <c r="B77" s="75" t="s">
        <v>31</v>
      </c>
    </row>
    <row r="78" spans="1:256" x14ac:dyDescent="0.25">
      <c r="B78" s="75"/>
      <c r="C78" s="60"/>
    </row>
    <row r="79" spans="1:256" x14ac:dyDescent="0.25">
      <c r="D79" s="61"/>
      <c r="E79" s="61"/>
      <c r="F79" s="61"/>
      <c r="G79" s="61"/>
      <c r="H79" s="61"/>
      <c r="I79" s="61"/>
      <c r="J79" s="61"/>
      <c r="K79" s="61"/>
      <c r="L79" s="61"/>
      <c r="M79" s="61"/>
      <c r="N79" s="61"/>
      <c r="O79" s="61"/>
    </row>
    <row r="82" spans="4:4" x14ac:dyDescent="0.25">
      <c r="D82" s="62"/>
    </row>
    <row r="164" spans="1:256" s="26" customFormat="1" x14ac:dyDescent="0.25">
      <c r="A164" s="63"/>
      <c r="B164" s="63"/>
      <c r="C164" s="63"/>
      <c r="D164" s="63"/>
      <c r="E164" s="63"/>
      <c r="F164" s="63"/>
      <c r="G164" s="63"/>
      <c r="H164" s="63"/>
      <c r="I164" s="63"/>
      <c r="K164" s="28"/>
      <c r="L164" s="28"/>
      <c r="M164" s="28"/>
      <c r="N164" s="28"/>
      <c r="O164" s="28"/>
      <c r="P164" s="28"/>
      <c r="Q164" s="28"/>
      <c r="R164" s="28"/>
      <c r="S164" s="28"/>
      <c r="T164" s="28"/>
      <c r="U164" s="28"/>
      <c r="V164" s="28"/>
      <c r="W164" s="28"/>
      <c r="X164" s="28"/>
      <c r="Y164" s="28"/>
      <c r="Z164" s="28"/>
      <c r="AA164" s="28"/>
      <c r="AB164" s="28"/>
      <c r="AC164" s="28"/>
      <c r="AD164" s="28"/>
      <c r="AE164" s="28"/>
      <c r="AF164" s="28"/>
      <c r="AG164" s="28"/>
      <c r="AH164" s="28"/>
      <c r="AI164" s="28"/>
      <c r="AJ164" s="28"/>
      <c r="AK164" s="28"/>
      <c r="AL164" s="28"/>
      <c r="AM164" s="28"/>
      <c r="AN164" s="28"/>
      <c r="AO164" s="28"/>
      <c r="AP164" s="28"/>
      <c r="AQ164" s="28"/>
      <c r="AR164" s="28"/>
      <c r="AS164" s="28"/>
      <c r="AT164" s="28"/>
      <c r="AU164" s="28"/>
      <c r="AV164" s="28"/>
      <c r="AW164" s="28"/>
      <c r="AX164" s="28"/>
      <c r="AY164" s="28"/>
      <c r="AZ164" s="28"/>
      <c r="BA164" s="28"/>
      <c r="BB164" s="28"/>
      <c r="BC164" s="28"/>
      <c r="BD164" s="28"/>
      <c r="BE164" s="28"/>
      <c r="BF164" s="28"/>
      <c r="BG164" s="28"/>
      <c r="BH164" s="28"/>
      <c r="BI164" s="28"/>
      <c r="BJ164" s="28"/>
      <c r="BK164" s="28"/>
      <c r="BL164" s="28"/>
      <c r="BM164" s="28"/>
      <c r="BN164" s="28"/>
      <c r="BO164" s="28"/>
      <c r="BP164" s="28"/>
      <c r="BQ164" s="28"/>
      <c r="BR164" s="28"/>
      <c r="BS164" s="28"/>
      <c r="BT164" s="28"/>
      <c r="BU164" s="28"/>
      <c r="BV164" s="28"/>
      <c r="BW164" s="28"/>
      <c r="BX164" s="28"/>
      <c r="BY164" s="28"/>
      <c r="BZ164" s="28"/>
      <c r="CA164" s="28"/>
      <c r="CB164" s="28"/>
      <c r="CC164" s="28"/>
      <c r="CD164" s="28"/>
      <c r="CE164" s="28"/>
      <c r="CF164" s="28"/>
      <c r="CG164" s="28"/>
      <c r="CH164" s="28"/>
      <c r="CI164" s="28"/>
      <c r="CJ164" s="28"/>
      <c r="CK164" s="28"/>
      <c r="CL164" s="28"/>
      <c r="CM164" s="28"/>
      <c r="CN164" s="28"/>
      <c r="CO164" s="28"/>
      <c r="CP164" s="28"/>
      <c r="CQ164" s="28"/>
      <c r="CR164" s="28"/>
      <c r="CS164" s="28"/>
      <c r="CT164" s="28"/>
      <c r="CU164" s="28"/>
      <c r="CV164" s="28"/>
      <c r="CW164" s="28"/>
      <c r="CX164" s="28"/>
      <c r="CY164" s="28"/>
      <c r="CZ164" s="28"/>
      <c r="DA164" s="28"/>
      <c r="DB164" s="28"/>
      <c r="DC164" s="28"/>
      <c r="DD164" s="28"/>
      <c r="DE164" s="28"/>
      <c r="DF164" s="28"/>
      <c r="DG164" s="28"/>
      <c r="DH164" s="28"/>
      <c r="DI164" s="28"/>
      <c r="DJ164" s="28"/>
      <c r="DK164" s="28"/>
      <c r="DL164" s="28"/>
      <c r="DM164" s="28"/>
      <c r="DN164" s="28"/>
      <c r="DO164" s="28"/>
      <c r="DP164" s="28"/>
      <c r="DQ164" s="28"/>
      <c r="DR164" s="28"/>
      <c r="DS164" s="28"/>
      <c r="DT164" s="28"/>
      <c r="DU164" s="28"/>
      <c r="DV164" s="28"/>
      <c r="DW164" s="28"/>
      <c r="DX164" s="28"/>
      <c r="DY164" s="28"/>
      <c r="DZ164" s="28"/>
      <c r="EA164" s="28"/>
      <c r="EB164" s="28"/>
      <c r="EC164" s="28"/>
      <c r="ED164" s="28"/>
      <c r="EE164" s="28"/>
      <c r="EF164" s="28"/>
      <c r="EG164" s="28"/>
      <c r="EH164" s="28"/>
      <c r="EI164" s="28"/>
      <c r="EJ164" s="28"/>
      <c r="EK164" s="28"/>
      <c r="EL164" s="28"/>
      <c r="EM164" s="28"/>
      <c r="EN164" s="28"/>
      <c r="EO164" s="28"/>
      <c r="EP164" s="28"/>
      <c r="EQ164" s="28"/>
      <c r="ER164" s="28"/>
      <c r="ES164" s="28"/>
      <c r="ET164" s="28"/>
      <c r="EU164" s="28"/>
      <c r="EV164" s="28"/>
      <c r="EW164" s="28"/>
      <c r="EX164" s="28"/>
      <c r="EY164" s="28"/>
      <c r="EZ164" s="28"/>
      <c r="FA164" s="28"/>
      <c r="FB164" s="28"/>
      <c r="FC164" s="28"/>
      <c r="FD164" s="28"/>
      <c r="FE164" s="28"/>
      <c r="FF164" s="28"/>
      <c r="FG164" s="28"/>
      <c r="FH164" s="28"/>
      <c r="FI164" s="28"/>
      <c r="FJ164" s="28"/>
      <c r="FK164" s="28"/>
      <c r="FL164" s="28"/>
      <c r="FM164" s="28"/>
      <c r="FN164" s="28"/>
      <c r="FO164" s="28"/>
      <c r="FP164" s="28"/>
      <c r="FQ164" s="28"/>
      <c r="FR164" s="28"/>
      <c r="FS164" s="28"/>
      <c r="FT164" s="28"/>
      <c r="FU164" s="28"/>
      <c r="FV164" s="28"/>
      <c r="FW164" s="28"/>
      <c r="FX164" s="28"/>
      <c r="FY164" s="28"/>
      <c r="FZ164" s="28"/>
      <c r="GA164" s="28"/>
      <c r="GB164" s="28"/>
      <c r="GC164" s="28"/>
      <c r="GD164" s="28"/>
      <c r="GE164" s="28"/>
      <c r="GF164" s="28"/>
      <c r="GG164" s="28"/>
      <c r="GH164" s="28"/>
      <c r="GI164" s="28"/>
      <c r="GJ164" s="28"/>
      <c r="GK164" s="28"/>
      <c r="GL164" s="28"/>
      <c r="GM164" s="28"/>
      <c r="GN164" s="28"/>
      <c r="GO164" s="28"/>
      <c r="GP164" s="28"/>
      <c r="GQ164" s="28"/>
      <c r="GR164" s="28"/>
      <c r="GS164" s="28"/>
      <c r="GT164" s="28"/>
      <c r="GU164" s="28"/>
      <c r="GV164" s="28"/>
      <c r="GW164" s="28"/>
      <c r="GX164" s="28"/>
      <c r="GY164" s="28"/>
      <c r="GZ164" s="28"/>
      <c r="HA164" s="28"/>
      <c r="HB164" s="28"/>
      <c r="HC164" s="28"/>
      <c r="HD164" s="28"/>
      <c r="HE164" s="28"/>
      <c r="HF164" s="28"/>
      <c r="HG164" s="28"/>
      <c r="HH164" s="28"/>
      <c r="HI164" s="28"/>
      <c r="HJ164" s="28"/>
      <c r="HK164" s="28"/>
      <c r="HL164" s="28"/>
      <c r="HM164" s="28"/>
      <c r="HN164" s="28"/>
      <c r="HO164" s="28"/>
      <c r="HP164" s="28"/>
      <c r="HQ164" s="28"/>
      <c r="HR164" s="28"/>
      <c r="HS164" s="28"/>
      <c r="HT164" s="28"/>
      <c r="HU164" s="28"/>
      <c r="HV164" s="28"/>
      <c r="HW164" s="28"/>
      <c r="HX164" s="28"/>
      <c r="HY164" s="28"/>
      <c r="HZ164" s="28"/>
      <c r="IA164" s="28"/>
      <c r="IB164" s="28"/>
      <c r="IC164" s="28"/>
      <c r="ID164" s="28"/>
      <c r="IE164" s="28"/>
      <c r="IF164" s="28"/>
      <c r="IG164" s="28"/>
      <c r="IH164" s="28"/>
      <c r="II164" s="28"/>
      <c r="IJ164" s="28"/>
      <c r="IK164" s="28"/>
      <c r="IL164" s="28"/>
      <c r="IM164" s="28"/>
      <c r="IN164" s="28"/>
      <c r="IO164" s="28"/>
      <c r="IP164" s="28"/>
      <c r="IQ164" s="28"/>
      <c r="IR164" s="28"/>
      <c r="IS164" s="28"/>
      <c r="IT164" s="28"/>
      <c r="IU164" s="28"/>
      <c r="IV164" s="28"/>
    </row>
  </sheetData>
  <mergeCells count="54">
    <mergeCell ref="Q76:AF76"/>
    <mergeCell ref="AG76:AV76"/>
    <mergeCell ref="HA76:HP76"/>
    <mergeCell ref="HQ76:IF76"/>
    <mergeCell ref="BM76:CB76"/>
    <mergeCell ref="CC76:CR76"/>
    <mergeCell ref="CS76:DH76"/>
    <mergeCell ref="AW76:BL76"/>
    <mergeCell ref="B61:P61"/>
    <mergeCell ref="B62:P62"/>
    <mergeCell ref="B63:O63"/>
    <mergeCell ref="A65:P65"/>
    <mergeCell ref="IG76:IV76"/>
    <mergeCell ref="DI76:DX76"/>
    <mergeCell ref="DY76:EN76"/>
    <mergeCell ref="EO76:FD76"/>
    <mergeCell ref="FE76:FT76"/>
    <mergeCell ref="FU76:GJ76"/>
    <mergeCell ref="GK76:GZ76"/>
    <mergeCell ref="B69:P69"/>
    <mergeCell ref="A71:P71"/>
    <mergeCell ref="B73:C73"/>
    <mergeCell ref="B74:C74"/>
    <mergeCell ref="A76:P76"/>
    <mergeCell ref="B60:P60"/>
    <mergeCell ref="B59:P59"/>
    <mergeCell ref="B48:P48"/>
    <mergeCell ref="A51:P51"/>
    <mergeCell ref="B52:P52"/>
    <mergeCell ref="B53:P53"/>
    <mergeCell ref="B55:P55"/>
    <mergeCell ref="B49:P49"/>
    <mergeCell ref="B56:P56"/>
    <mergeCell ref="B57:P57"/>
    <mergeCell ref="B58:P58"/>
    <mergeCell ref="B39:P39"/>
    <mergeCell ref="B40:P40"/>
    <mergeCell ref="B46:P46"/>
    <mergeCell ref="B54:P54"/>
    <mergeCell ref="B22:M22"/>
    <mergeCell ref="B23:M23"/>
    <mergeCell ref="A26:P26"/>
    <mergeCell ref="B30:M30"/>
    <mergeCell ref="B31:M31"/>
    <mergeCell ref="A34:P34"/>
    <mergeCell ref="B35:M35"/>
    <mergeCell ref="B36:P36"/>
    <mergeCell ref="B37:P37"/>
    <mergeCell ref="B38:P38"/>
    <mergeCell ref="A4:P4"/>
    <mergeCell ref="A9:P9"/>
    <mergeCell ref="B12:M12"/>
    <mergeCell ref="B18:L18"/>
    <mergeCell ref="B19:M19"/>
  </mergeCells>
  <printOptions horizontalCentered="1" verticalCentered="1"/>
  <pageMargins left="0.78740157480314965" right="0.78740157480314965" top="0.15748031496062992" bottom="0.51181102362204722" header="0" footer="0"/>
  <pageSetup paperSize="9" scale="60"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4">
    <pageSetUpPr fitToPage="1"/>
  </sheetPr>
  <dimension ref="A3:IV155"/>
  <sheetViews>
    <sheetView showGridLines="0" workbookViewId="0">
      <selection activeCell="B28" sqref="B2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9" t="s">
        <v>101</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99</v>
      </c>
      <c r="I12" s="28"/>
      <c r="J12" s="28"/>
      <c r="O12" s="40"/>
      <c r="P12" s="26"/>
    </row>
    <row r="13" spans="1:16" x14ac:dyDescent="0.25">
      <c r="B13" s="44" t="s">
        <v>10</v>
      </c>
      <c r="I13" s="28"/>
      <c r="J13" s="28"/>
      <c r="O13" s="40">
        <v>10000</v>
      </c>
      <c r="P13" s="75" t="s">
        <v>9</v>
      </c>
    </row>
    <row r="14" spans="1:16" x14ac:dyDescent="0.25">
      <c r="B14" s="44" t="s">
        <v>11</v>
      </c>
      <c r="I14" s="28"/>
      <c r="J14" s="28"/>
      <c r="O14" s="40">
        <v>10000</v>
      </c>
      <c r="P14" s="75" t="s">
        <v>9</v>
      </c>
    </row>
    <row r="15" spans="1:16" x14ac:dyDescent="0.25">
      <c r="B15" s="44" t="s">
        <v>12</v>
      </c>
      <c r="I15" s="28"/>
      <c r="J15" s="28"/>
      <c r="O15" s="40">
        <v>2000</v>
      </c>
      <c r="P15" s="75" t="s">
        <v>9</v>
      </c>
    </row>
    <row r="16" spans="1:16" ht="12" customHeight="1" x14ac:dyDescent="0.25">
      <c r="A16" s="41" t="s">
        <v>5</v>
      </c>
      <c r="B16" s="138" t="s">
        <v>13</v>
      </c>
      <c r="C16" s="138"/>
      <c r="D16" s="138"/>
      <c r="E16" s="138"/>
      <c r="F16" s="138"/>
      <c r="G16" s="138"/>
      <c r="H16" s="138"/>
      <c r="I16" s="138"/>
      <c r="J16" s="138"/>
      <c r="K16" s="138"/>
      <c r="L16" s="138"/>
      <c r="O16" s="40">
        <v>1000</v>
      </c>
    </row>
    <row r="17" spans="1:16" x14ac:dyDescent="0.25">
      <c r="A17" s="26" t="s">
        <v>5</v>
      </c>
      <c r="B17" s="75" t="s">
        <v>14</v>
      </c>
      <c r="I17" s="28"/>
      <c r="O17" s="36" t="s">
        <v>7</v>
      </c>
    </row>
    <row r="18" spans="1:16" x14ac:dyDescent="0.25">
      <c r="A18" s="26" t="s">
        <v>5</v>
      </c>
      <c r="B18" s="75" t="s">
        <v>15</v>
      </c>
      <c r="I18" s="28"/>
      <c r="O18" s="36" t="s">
        <v>7</v>
      </c>
    </row>
    <row r="19" spans="1:16" x14ac:dyDescent="0.25">
      <c r="A19" s="26" t="s">
        <v>5</v>
      </c>
      <c r="B19" s="141" t="s">
        <v>34</v>
      </c>
      <c r="C19" s="141"/>
      <c r="D19" s="141"/>
      <c r="E19" s="141"/>
      <c r="F19" s="141"/>
      <c r="G19" s="141"/>
      <c r="H19" s="141"/>
      <c r="I19" s="141"/>
      <c r="J19" s="141"/>
      <c r="K19" s="141"/>
      <c r="L19" s="141"/>
      <c r="M19" s="141"/>
      <c r="O19" s="36" t="s">
        <v>7</v>
      </c>
    </row>
    <row r="20" spans="1:16" x14ac:dyDescent="0.25">
      <c r="A20" s="41" t="s">
        <v>5</v>
      </c>
      <c r="B20" s="134" t="s">
        <v>91</v>
      </c>
      <c r="C20" s="134"/>
      <c r="D20" s="134"/>
      <c r="E20" s="134"/>
      <c r="F20" s="134"/>
      <c r="G20" s="134"/>
      <c r="H20" s="134"/>
      <c r="I20" s="134"/>
      <c r="J20" s="134"/>
      <c r="K20" s="134"/>
      <c r="L20" s="134"/>
      <c r="M20" s="134"/>
      <c r="N20" s="46"/>
      <c r="O20" s="42">
        <v>50000</v>
      </c>
    </row>
    <row r="21" spans="1:16" x14ac:dyDescent="0.25">
      <c r="A21" s="26" t="s">
        <v>5</v>
      </c>
      <c r="B21" s="75" t="s">
        <v>16</v>
      </c>
      <c r="I21" s="28"/>
      <c r="O21" s="36" t="s">
        <v>7</v>
      </c>
    </row>
    <row r="23" spans="1:16" ht="12" customHeight="1" x14ac:dyDescent="0.25">
      <c r="A23" s="137" t="s">
        <v>17</v>
      </c>
      <c r="B23" s="137"/>
      <c r="C23" s="137"/>
      <c r="D23" s="137"/>
      <c r="E23" s="137"/>
      <c r="F23" s="137"/>
      <c r="G23" s="137"/>
      <c r="H23" s="137"/>
      <c r="I23" s="137"/>
      <c r="J23" s="137"/>
      <c r="K23" s="137"/>
      <c r="L23" s="137"/>
      <c r="M23" s="137"/>
      <c r="N23" s="137"/>
      <c r="O23" s="137"/>
      <c r="P23" s="137"/>
    </row>
    <row r="24" spans="1:16" x14ac:dyDescent="0.25">
      <c r="A24" s="26" t="s">
        <v>5</v>
      </c>
      <c r="B24" s="75" t="s">
        <v>18</v>
      </c>
      <c r="I24" s="28"/>
      <c r="O24" s="47">
        <v>500</v>
      </c>
    </row>
    <row r="25" spans="1:16" x14ac:dyDescent="0.25">
      <c r="A25" s="26" t="s">
        <v>5</v>
      </c>
      <c r="B25" s="75" t="s">
        <v>19</v>
      </c>
      <c r="I25" s="28"/>
      <c r="O25" s="47">
        <v>500</v>
      </c>
    </row>
    <row r="26" spans="1:16" x14ac:dyDescent="0.25">
      <c r="A26" s="41" t="s">
        <v>5</v>
      </c>
      <c r="B26" s="152" t="s">
        <v>127</v>
      </c>
      <c r="C26" s="152"/>
      <c r="D26" s="152"/>
      <c r="E26" s="152"/>
      <c r="F26" s="152"/>
      <c r="G26" s="152"/>
      <c r="H26" s="152"/>
      <c r="I26" s="152"/>
      <c r="J26" s="152"/>
      <c r="K26" s="152"/>
      <c r="L26" s="152"/>
      <c r="M26" s="152"/>
      <c r="N26" s="76"/>
      <c r="O26" s="73" t="s">
        <v>82</v>
      </c>
      <c r="P26" s="76"/>
    </row>
    <row r="27" spans="1:16" ht="12" customHeight="1" x14ac:dyDescent="0.25">
      <c r="A27" s="41" t="s">
        <v>5</v>
      </c>
      <c r="B27" s="148" t="s">
        <v>128</v>
      </c>
      <c r="C27" s="148"/>
      <c r="D27" s="148"/>
      <c r="E27" s="148"/>
      <c r="F27" s="148"/>
      <c r="G27" s="148"/>
      <c r="H27" s="148"/>
      <c r="I27" s="148"/>
      <c r="J27" s="148"/>
      <c r="K27" s="148"/>
      <c r="L27" s="148"/>
      <c r="M27" s="148"/>
      <c r="N27" s="84"/>
      <c r="O27" s="73" t="s">
        <v>82</v>
      </c>
      <c r="P27" s="84"/>
    </row>
    <row r="28" spans="1:16" x14ac:dyDescent="0.25">
      <c r="A28" s="36"/>
      <c r="B28" s="68" t="s">
        <v>280</v>
      </c>
      <c r="C28" s="50"/>
      <c r="D28" s="50"/>
      <c r="E28" s="50"/>
      <c r="F28" s="50"/>
      <c r="G28" s="50"/>
      <c r="H28" s="50"/>
      <c r="I28" s="49"/>
      <c r="J28" s="50"/>
      <c r="K28" s="49"/>
      <c r="L28" s="49"/>
      <c r="M28" s="49"/>
      <c r="N28" s="76"/>
      <c r="O28" s="76"/>
      <c r="P28" s="76"/>
    </row>
    <row r="29" spans="1:16" x14ac:dyDescent="0.25">
      <c r="I29" s="48"/>
    </row>
    <row r="30" spans="1:16" ht="12" customHeight="1" x14ac:dyDescent="0.25">
      <c r="A30" s="137" t="s">
        <v>20</v>
      </c>
      <c r="B30" s="137"/>
      <c r="C30" s="137"/>
      <c r="D30" s="137"/>
      <c r="E30" s="137"/>
      <c r="F30" s="137"/>
      <c r="G30" s="137"/>
      <c r="H30" s="137"/>
      <c r="I30" s="137"/>
      <c r="J30" s="137"/>
      <c r="K30" s="137"/>
      <c r="L30" s="137"/>
      <c r="M30" s="137"/>
      <c r="N30" s="137"/>
      <c r="O30" s="137"/>
      <c r="P30" s="137"/>
    </row>
    <row r="31" spans="1:16" ht="12" customHeight="1" x14ac:dyDescent="0.25">
      <c r="A31" s="41" t="s">
        <v>5</v>
      </c>
      <c r="B31" s="138" t="s">
        <v>87</v>
      </c>
      <c r="C31" s="138"/>
      <c r="D31" s="138"/>
      <c r="E31" s="138"/>
      <c r="F31" s="138"/>
      <c r="G31" s="138"/>
      <c r="H31" s="138"/>
      <c r="I31" s="138"/>
      <c r="J31" s="138"/>
      <c r="K31" s="138"/>
      <c r="L31" s="138"/>
      <c r="M31" s="138"/>
      <c r="N31" s="113"/>
    </row>
    <row r="32" spans="1:16" ht="12" customHeight="1" x14ac:dyDescent="0.25">
      <c r="A32" s="41" t="s">
        <v>5</v>
      </c>
      <c r="B32" s="138" t="s">
        <v>222</v>
      </c>
      <c r="C32" s="138"/>
      <c r="D32" s="138"/>
      <c r="E32" s="138"/>
      <c r="F32" s="138"/>
      <c r="G32" s="138"/>
      <c r="H32" s="138"/>
      <c r="I32" s="138"/>
      <c r="J32" s="138"/>
      <c r="K32" s="138"/>
      <c r="L32" s="138"/>
      <c r="M32" s="138"/>
      <c r="N32" s="138"/>
      <c r="O32" s="138"/>
      <c r="P32" s="138"/>
    </row>
    <row r="33" spans="1:16" ht="12" customHeight="1" x14ac:dyDescent="0.25">
      <c r="A33" s="26" t="s">
        <v>5</v>
      </c>
      <c r="B33" s="138" t="s">
        <v>223</v>
      </c>
      <c r="C33" s="138"/>
      <c r="D33" s="138"/>
      <c r="E33" s="138"/>
      <c r="F33" s="138"/>
      <c r="G33" s="138"/>
      <c r="H33" s="138"/>
      <c r="I33" s="138"/>
      <c r="J33" s="138"/>
      <c r="K33" s="138"/>
      <c r="L33" s="138"/>
      <c r="M33" s="138"/>
      <c r="N33" s="138"/>
      <c r="O33" s="138"/>
      <c r="P33" s="138"/>
    </row>
    <row r="34" spans="1:16" x14ac:dyDescent="0.25">
      <c r="A34" s="26" t="s">
        <v>5</v>
      </c>
      <c r="B34" s="164" t="s">
        <v>182</v>
      </c>
      <c r="C34" s="164"/>
      <c r="D34" s="164"/>
      <c r="E34" s="164"/>
      <c r="F34" s="164"/>
      <c r="G34" s="164"/>
      <c r="H34" s="164"/>
      <c r="I34" s="164"/>
      <c r="J34" s="164"/>
      <c r="K34" s="164"/>
      <c r="L34" s="164"/>
      <c r="M34" s="164"/>
      <c r="N34" s="164"/>
      <c r="O34" s="164"/>
      <c r="P34" s="164"/>
    </row>
    <row r="35" spans="1:16" x14ac:dyDescent="0.25">
      <c r="A35" s="26" t="s">
        <v>5</v>
      </c>
      <c r="B35" s="141" t="s">
        <v>83</v>
      </c>
      <c r="C35" s="141"/>
      <c r="D35" s="141"/>
      <c r="E35" s="141"/>
      <c r="F35" s="141"/>
      <c r="G35" s="141"/>
      <c r="H35" s="141"/>
      <c r="I35" s="141"/>
      <c r="J35" s="141"/>
      <c r="K35" s="141"/>
      <c r="L35" s="141"/>
      <c r="M35" s="141"/>
      <c r="N35" s="141"/>
      <c r="O35" s="141"/>
      <c r="P35" s="141"/>
    </row>
    <row r="36" spans="1:16" ht="24" customHeight="1" x14ac:dyDescent="0.25">
      <c r="A36" s="41" t="s">
        <v>5</v>
      </c>
      <c r="B36" s="144" t="s">
        <v>96</v>
      </c>
      <c r="C36" s="144"/>
      <c r="D36" s="144"/>
      <c r="E36" s="144"/>
      <c r="F36" s="144"/>
      <c r="G36" s="144"/>
      <c r="H36" s="144"/>
      <c r="I36" s="144"/>
      <c r="J36" s="144"/>
      <c r="K36" s="144"/>
      <c r="L36" s="144"/>
      <c r="M36" s="144"/>
      <c r="N36" s="144"/>
      <c r="O36" s="144"/>
      <c r="P36" s="144"/>
    </row>
    <row r="37" spans="1:16" x14ac:dyDescent="0.25">
      <c r="A37" s="41" t="s">
        <v>5</v>
      </c>
      <c r="B37" s="142" t="s">
        <v>67</v>
      </c>
      <c r="C37" s="142"/>
      <c r="D37" s="142"/>
      <c r="E37" s="142"/>
      <c r="F37" s="142"/>
      <c r="G37" s="142"/>
      <c r="H37" s="142"/>
      <c r="I37" s="142"/>
      <c r="J37" s="142"/>
      <c r="K37" s="142"/>
      <c r="L37" s="142"/>
      <c r="M37" s="142"/>
      <c r="N37" s="142"/>
      <c r="O37" s="142"/>
      <c r="P37" s="142"/>
    </row>
    <row r="38" spans="1:16" x14ac:dyDescent="0.25">
      <c r="A38" s="26" t="s">
        <v>5</v>
      </c>
      <c r="B38" s="69" t="s">
        <v>65</v>
      </c>
      <c r="C38" s="63"/>
      <c r="D38" s="63"/>
      <c r="E38" s="63"/>
      <c r="F38" s="63"/>
      <c r="G38" s="63"/>
      <c r="H38" s="63"/>
      <c r="I38" s="63"/>
      <c r="J38" s="63"/>
      <c r="K38" s="70"/>
      <c r="L38" s="70"/>
      <c r="M38" s="70"/>
      <c r="N38" s="70"/>
      <c r="O38" s="70"/>
      <c r="P38" s="70"/>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75"/>
      <c r="B41" s="141" t="s">
        <v>21</v>
      </c>
      <c r="C41" s="141"/>
      <c r="D41" s="141"/>
      <c r="E41" s="141"/>
      <c r="F41" s="141"/>
      <c r="G41" s="141"/>
      <c r="H41" s="141"/>
      <c r="I41" s="141"/>
      <c r="J41" s="141"/>
      <c r="K41" s="141"/>
      <c r="L41" s="141"/>
      <c r="M41" s="141"/>
      <c r="N41" s="141"/>
      <c r="O41" s="141"/>
      <c r="P41" s="141"/>
    </row>
    <row r="42" spans="1:16" ht="25.5" customHeight="1" x14ac:dyDescent="0.25">
      <c r="A42" s="93"/>
      <c r="B42" s="139" t="s">
        <v>197</v>
      </c>
      <c r="C42" s="138"/>
      <c r="D42" s="138"/>
      <c r="E42" s="138"/>
      <c r="F42" s="138"/>
      <c r="G42" s="138"/>
      <c r="H42" s="138"/>
      <c r="I42" s="138"/>
      <c r="J42" s="138"/>
      <c r="K42" s="138"/>
      <c r="L42" s="138"/>
      <c r="M42" s="138"/>
      <c r="N42" s="138"/>
      <c r="O42" s="138"/>
      <c r="P42" s="138"/>
    </row>
    <row r="43" spans="1:16" ht="13.5" customHeight="1" x14ac:dyDescent="0.25"/>
    <row r="44" spans="1:16" ht="11.25" customHeight="1" x14ac:dyDescent="0.25">
      <c r="A44" s="137" t="s">
        <v>62</v>
      </c>
      <c r="B44" s="137"/>
      <c r="C44" s="137"/>
      <c r="D44" s="137"/>
      <c r="E44" s="137"/>
      <c r="F44" s="137"/>
      <c r="G44" s="137"/>
      <c r="H44" s="137"/>
      <c r="I44" s="137"/>
      <c r="J44" s="137"/>
      <c r="K44" s="137"/>
      <c r="L44" s="137"/>
      <c r="M44" s="137"/>
      <c r="N44" s="137"/>
      <c r="O44" s="137"/>
      <c r="P44" s="137"/>
    </row>
    <row r="45" spans="1:16" s="53" customFormat="1" x14ac:dyDescent="0.25">
      <c r="A45" s="41" t="s">
        <v>5</v>
      </c>
      <c r="B45" s="134" t="s">
        <v>63</v>
      </c>
      <c r="C45" s="134"/>
      <c r="D45" s="134"/>
      <c r="E45" s="134"/>
      <c r="F45" s="134"/>
      <c r="G45" s="134"/>
      <c r="H45" s="134"/>
      <c r="I45" s="134"/>
      <c r="J45" s="134"/>
      <c r="K45" s="134"/>
      <c r="L45" s="134"/>
      <c r="M45" s="134"/>
      <c r="N45" s="134"/>
      <c r="O45" s="134"/>
      <c r="P45" s="134"/>
    </row>
    <row r="46" spans="1:16" x14ac:dyDescent="0.25">
      <c r="A46" s="41" t="s">
        <v>5</v>
      </c>
      <c r="B46" s="138" t="s">
        <v>139</v>
      </c>
      <c r="C46" s="138"/>
      <c r="D46" s="138"/>
      <c r="E46" s="138"/>
      <c r="F46" s="138"/>
      <c r="G46" s="138"/>
      <c r="H46" s="138"/>
      <c r="I46" s="138"/>
      <c r="J46" s="138"/>
      <c r="K46" s="138"/>
      <c r="L46" s="138"/>
      <c r="M46" s="138"/>
      <c r="N46" s="138"/>
      <c r="O46" s="138"/>
      <c r="P46" s="138"/>
    </row>
    <row r="47" spans="1:16" s="53" customFormat="1" ht="12" customHeight="1" x14ac:dyDescent="0.25">
      <c r="A47" s="41" t="s">
        <v>5</v>
      </c>
      <c r="B47" s="134" t="s">
        <v>100</v>
      </c>
      <c r="C47" s="134"/>
      <c r="D47" s="134"/>
      <c r="E47" s="134"/>
      <c r="F47" s="134"/>
      <c r="G47" s="134"/>
      <c r="H47" s="134"/>
      <c r="I47" s="134"/>
      <c r="J47" s="134"/>
      <c r="K47" s="134"/>
      <c r="L47" s="134"/>
      <c r="M47" s="134"/>
      <c r="N47" s="134"/>
      <c r="O47" s="134"/>
      <c r="P47" s="134"/>
    </row>
    <row r="48" spans="1:16" s="53" customFormat="1" ht="27" customHeight="1" x14ac:dyDescent="0.25">
      <c r="A48" s="41" t="s">
        <v>5</v>
      </c>
      <c r="B48" s="134" t="s">
        <v>66</v>
      </c>
      <c r="C48" s="134"/>
      <c r="D48" s="134"/>
      <c r="E48" s="134"/>
      <c r="F48" s="134"/>
      <c r="G48" s="134"/>
      <c r="H48" s="134"/>
      <c r="I48" s="134"/>
      <c r="J48" s="134"/>
      <c r="K48" s="134"/>
      <c r="L48" s="134"/>
      <c r="M48" s="134"/>
      <c r="N48" s="134"/>
      <c r="O48" s="134"/>
      <c r="P48" s="134"/>
    </row>
    <row r="49" spans="1:16" s="53" customFormat="1" ht="24.75" customHeight="1" x14ac:dyDescent="0.25">
      <c r="A49" s="41" t="s">
        <v>5</v>
      </c>
      <c r="B49" s="134" t="s">
        <v>183</v>
      </c>
      <c r="C49" s="134"/>
      <c r="D49" s="134"/>
      <c r="E49" s="134"/>
      <c r="F49" s="134"/>
      <c r="G49" s="134"/>
      <c r="H49" s="134"/>
      <c r="I49" s="134"/>
      <c r="J49" s="134"/>
      <c r="K49" s="134"/>
      <c r="L49" s="134"/>
      <c r="M49" s="134"/>
      <c r="N49" s="134"/>
      <c r="O49" s="134"/>
      <c r="P49" s="134"/>
    </row>
    <row r="50" spans="1:16" s="53" customFormat="1" ht="24.75" customHeight="1" x14ac:dyDescent="0.25">
      <c r="A50" s="41" t="s">
        <v>5</v>
      </c>
      <c r="B50" s="134" t="s">
        <v>189</v>
      </c>
      <c r="C50" s="134"/>
      <c r="D50" s="134"/>
      <c r="E50" s="134"/>
      <c r="F50" s="134"/>
      <c r="G50" s="134"/>
      <c r="H50" s="134"/>
      <c r="I50" s="134"/>
      <c r="J50" s="134"/>
      <c r="K50" s="134"/>
      <c r="L50" s="134"/>
      <c r="M50" s="134"/>
      <c r="N50" s="134"/>
      <c r="O50" s="134"/>
      <c r="P50" s="134"/>
    </row>
    <row r="51" spans="1:16" s="53" customFormat="1" x14ac:dyDescent="0.25">
      <c r="A51" s="41" t="s">
        <v>5</v>
      </c>
      <c r="B51" s="135" t="s">
        <v>130</v>
      </c>
      <c r="C51" s="135"/>
      <c r="D51" s="135"/>
      <c r="E51" s="135"/>
      <c r="F51" s="135"/>
      <c r="G51" s="135"/>
      <c r="H51" s="135"/>
      <c r="I51" s="135"/>
      <c r="J51" s="135"/>
      <c r="K51" s="135"/>
      <c r="L51" s="135"/>
      <c r="M51" s="135"/>
      <c r="N51" s="135"/>
      <c r="O51" s="135"/>
      <c r="P51" s="135"/>
    </row>
    <row r="52" spans="1:16" x14ac:dyDescent="0.25">
      <c r="A52" s="41" t="s">
        <v>5</v>
      </c>
      <c r="B52" s="136" t="s">
        <v>129</v>
      </c>
      <c r="C52" s="136"/>
      <c r="D52" s="136"/>
      <c r="E52" s="136"/>
      <c r="F52" s="136"/>
      <c r="G52" s="136"/>
      <c r="H52" s="136"/>
      <c r="I52" s="136"/>
      <c r="J52" s="136"/>
      <c r="K52" s="136"/>
      <c r="L52" s="136"/>
      <c r="M52" s="136"/>
      <c r="N52" s="136"/>
      <c r="O52" s="136"/>
      <c r="P52" s="136"/>
    </row>
    <row r="53" spans="1:16" s="53" customFormat="1" x14ac:dyDescent="0.25">
      <c r="A53" s="36" t="s">
        <v>5</v>
      </c>
      <c r="B53" s="147" t="s">
        <v>158</v>
      </c>
      <c r="C53" s="147"/>
      <c r="D53" s="147"/>
      <c r="E53" s="147"/>
      <c r="F53" s="147"/>
      <c r="G53" s="147"/>
      <c r="H53" s="147"/>
      <c r="I53" s="147"/>
      <c r="J53" s="147"/>
      <c r="K53" s="147"/>
      <c r="L53" s="147"/>
      <c r="M53" s="147"/>
      <c r="N53" s="147"/>
      <c r="O53" s="147"/>
      <c r="P53" s="147"/>
    </row>
    <row r="54" spans="1:16" s="49" customFormat="1" ht="12" customHeight="1" x14ac:dyDescent="0.25">
      <c r="A54" s="41" t="s">
        <v>5</v>
      </c>
      <c r="B54" s="147" t="s">
        <v>22</v>
      </c>
      <c r="C54" s="147"/>
      <c r="D54" s="147"/>
      <c r="E54" s="147"/>
      <c r="F54" s="147"/>
      <c r="G54" s="147"/>
      <c r="H54" s="147"/>
      <c r="I54" s="147"/>
      <c r="J54" s="147"/>
      <c r="K54" s="147"/>
      <c r="L54" s="147"/>
      <c r="M54" s="147"/>
      <c r="N54" s="147"/>
      <c r="O54" s="147"/>
    </row>
    <row r="55" spans="1:16" x14ac:dyDescent="0.25">
      <c r="A55" s="41"/>
      <c r="B55" s="54"/>
      <c r="C55" s="54"/>
      <c r="D55" s="54"/>
      <c r="E55" s="54"/>
      <c r="F55" s="54"/>
      <c r="G55" s="54"/>
      <c r="H55" s="54"/>
      <c r="I55" s="54"/>
      <c r="J55" s="54"/>
      <c r="K55" s="54"/>
      <c r="L55" s="54"/>
      <c r="M55" s="54"/>
      <c r="N55" s="54"/>
      <c r="O55" s="54"/>
      <c r="P55" s="54"/>
    </row>
    <row r="56" spans="1:16" ht="11.25" customHeight="1" x14ac:dyDescent="0.25">
      <c r="A56" s="137" t="s">
        <v>134</v>
      </c>
      <c r="B56" s="137"/>
      <c r="C56" s="137"/>
      <c r="D56" s="137"/>
      <c r="E56" s="137"/>
      <c r="F56" s="137"/>
      <c r="G56" s="137"/>
      <c r="H56" s="137"/>
      <c r="I56" s="137"/>
      <c r="J56" s="137"/>
      <c r="K56" s="137"/>
      <c r="L56" s="137"/>
      <c r="M56" s="137"/>
      <c r="N56" s="137"/>
      <c r="O56" s="137"/>
      <c r="P56" s="137"/>
    </row>
    <row r="57" spans="1:16" s="53" customFormat="1" x14ac:dyDescent="0.25">
      <c r="A57" s="55"/>
      <c r="B57" s="74"/>
      <c r="C57" s="74"/>
      <c r="D57" s="74"/>
      <c r="E57" s="74"/>
      <c r="F57" s="74"/>
      <c r="G57" s="74"/>
      <c r="H57" s="74"/>
      <c r="I57" s="74"/>
      <c r="J57" s="74"/>
      <c r="K57" s="74"/>
      <c r="L57" s="74"/>
      <c r="M57" s="74"/>
      <c r="N57" s="74"/>
      <c r="O57" s="74"/>
      <c r="P57" s="74"/>
    </row>
    <row r="58" spans="1:16" x14ac:dyDescent="0.25">
      <c r="A58" s="41"/>
      <c r="B58" s="82" t="s">
        <v>115</v>
      </c>
      <c r="C58" s="80"/>
      <c r="D58" s="80"/>
      <c r="E58" s="80"/>
      <c r="F58" s="80"/>
      <c r="G58" s="80"/>
      <c r="H58" s="80"/>
      <c r="I58" s="80"/>
      <c r="J58" s="80"/>
      <c r="K58" s="80"/>
      <c r="L58" s="80"/>
      <c r="M58" s="80"/>
      <c r="N58" s="80"/>
      <c r="O58" s="80"/>
      <c r="P58" s="80"/>
    </row>
    <row r="59" spans="1:16" ht="8.25" customHeight="1" x14ac:dyDescent="0.25">
      <c r="A59" s="41"/>
      <c r="B59" s="81"/>
      <c r="C59" s="80"/>
      <c r="D59" s="80"/>
      <c r="E59" s="80"/>
      <c r="F59" s="80"/>
      <c r="G59" s="80"/>
      <c r="H59" s="80"/>
      <c r="I59" s="80"/>
      <c r="J59" s="80"/>
      <c r="K59" s="80"/>
      <c r="L59" s="80"/>
      <c r="M59" s="80"/>
      <c r="N59" s="80"/>
      <c r="O59" s="80"/>
      <c r="P59" s="80"/>
    </row>
    <row r="60" spans="1:16" ht="66.75" customHeight="1" x14ac:dyDescent="0.25">
      <c r="A60" s="41"/>
      <c r="B60" s="136" t="s">
        <v>232</v>
      </c>
      <c r="C60" s="136"/>
      <c r="D60" s="136"/>
      <c r="E60" s="136"/>
      <c r="F60" s="136"/>
      <c r="G60" s="136"/>
      <c r="H60" s="136"/>
      <c r="I60" s="136"/>
      <c r="J60" s="136"/>
      <c r="K60" s="136"/>
      <c r="L60" s="136"/>
      <c r="M60" s="136"/>
      <c r="N60" s="136"/>
      <c r="O60" s="136"/>
      <c r="P60" s="136"/>
    </row>
    <row r="61" spans="1:16" s="53" customFormat="1" x14ac:dyDescent="0.25">
      <c r="A61" s="55"/>
      <c r="B61" s="57"/>
      <c r="C61" s="57"/>
      <c r="D61" s="57"/>
      <c r="E61" s="57"/>
      <c r="F61" s="57"/>
      <c r="G61" s="57"/>
      <c r="H61" s="57"/>
      <c r="I61" s="57"/>
      <c r="J61" s="57"/>
      <c r="K61" s="57"/>
      <c r="L61" s="57"/>
      <c r="M61" s="57"/>
      <c r="N61" s="57"/>
      <c r="O61" s="57"/>
      <c r="P61" s="57"/>
    </row>
    <row r="62" spans="1:16" ht="12" customHeight="1" x14ac:dyDescent="0.25">
      <c r="A62" s="137" t="s">
        <v>27</v>
      </c>
      <c r="B62" s="137"/>
      <c r="C62" s="137"/>
      <c r="D62" s="137"/>
      <c r="E62" s="137"/>
      <c r="F62" s="137"/>
      <c r="G62" s="137"/>
      <c r="H62" s="137"/>
      <c r="I62" s="137"/>
      <c r="J62" s="137"/>
      <c r="K62" s="137"/>
      <c r="L62" s="137"/>
      <c r="M62" s="137"/>
      <c r="N62" s="137"/>
      <c r="O62" s="137"/>
      <c r="P62" s="137"/>
    </row>
    <row r="64" spans="1:16" ht="29.25" customHeight="1" x14ac:dyDescent="0.25">
      <c r="B64" s="162" t="s">
        <v>137</v>
      </c>
      <c r="C64" s="162"/>
      <c r="D64" s="77">
        <v>0</v>
      </c>
      <c r="E64" s="77">
        <v>1</v>
      </c>
      <c r="F64" s="77">
        <v>2</v>
      </c>
      <c r="G64" s="77">
        <v>3</v>
      </c>
      <c r="H64" s="77">
        <v>4</v>
      </c>
      <c r="I64" s="77">
        <v>5</v>
      </c>
      <c r="J64" s="77">
        <v>6</v>
      </c>
      <c r="K64" s="77">
        <v>7</v>
      </c>
      <c r="L64" s="77">
        <v>8</v>
      </c>
      <c r="M64" s="77">
        <v>9</v>
      </c>
      <c r="N64" s="77">
        <v>10</v>
      </c>
      <c r="O64" s="77" t="s">
        <v>55</v>
      </c>
      <c r="P64" s="77" t="s">
        <v>133</v>
      </c>
    </row>
    <row r="65" spans="1:256" x14ac:dyDescent="0.25">
      <c r="B65" s="163" t="s">
        <v>93</v>
      </c>
      <c r="C65" s="163"/>
      <c r="D65" s="59">
        <v>5.2999999999999999E-2</v>
      </c>
      <c r="E65" s="59">
        <v>5.5E-2</v>
      </c>
      <c r="F65" s="59">
        <v>5.8999999999999997E-2</v>
      </c>
      <c r="G65" s="59">
        <v>6.3E-2</v>
      </c>
      <c r="H65" s="59">
        <v>6.6000000000000003E-2</v>
      </c>
      <c r="I65" s="59">
        <v>6.9000000000000006E-2</v>
      </c>
      <c r="J65" s="59">
        <v>7.2999999999999995E-2</v>
      </c>
      <c r="K65" s="59">
        <v>7.9000000000000001E-2</v>
      </c>
      <c r="L65" s="59">
        <v>0.08</v>
      </c>
      <c r="M65" s="59">
        <v>0.08</v>
      </c>
      <c r="N65" s="59">
        <v>0.08</v>
      </c>
      <c r="O65" s="59">
        <v>0.08</v>
      </c>
      <c r="P65" s="83">
        <v>500</v>
      </c>
    </row>
    <row r="67" spans="1:256" s="49" customFormat="1" ht="12" customHeight="1" x14ac:dyDescent="0.25">
      <c r="A67" s="137" t="s">
        <v>138</v>
      </c>
      <c r="B67" s="137"/>
      <c r="C67" s="137"/>
      <c r="D67" s="137"/>
      <c r="E67" s="137"/>
      <c r="F67" s="137"/>
      <c r="G67" s="137"/>
      <c r="H67" s="137"/>
      <c r="I67" s="137"/>
      <c r="J67" s="137"/>
      <c r="K67" s="137"/>
      <c r="L67" s="137"/>
      <c r="M67" s="137"/>
      <c r="N67" s="137"/>
      <c r="O67" s="137"/>
      <c r="P67" s="137"/>
      <c r="Q67" s="156" t="s">
        <v>27</v>
      </c>
      <c r="R67" s="156"/>
      <c r="S67" s="156"/>
      <c r="T67" s="156"/>
      <c r="U67" s="156"/>
      <c r="V67" s="156"/>
      <c r="W67" s="156"/>
      <c r="X67" s="156"/>
      <c r="Y67" s="156"/>
      <c r="Z67" s="156"/>
      <c r="AA67" s="156"/>
      <c r="AB67" s="156"/>
      <c r="AC67" s="156"/>
      <c r="AD67" s="156"/>
      <c r="AE67" s="156"/>
      <c r="AF67" s="156"/>
      <c r="AG67" s="156" t="s">
        <v>27</v>
      </c>
      <c r="AH67" s="156"/>
      <c r="AI67" s="156"/>
      <c r="AJ67" s="156"/>
      <c r="AK67" s="156"/>
      <c r="AL67" s="156"/>
      <c r="AM67" s="156"/>
      <c r="AN67" s="156"/>
      <c r="AO67" s="156"/>
      <c r="AP67" s="156"/>
      <c r="AQ67" s="156"/>
      <c r="AR67" s="156"/>
      <c r="AS67" s="156"/>
      <c r="AT67" s="156"/>
      <c r="AU67" s="156"/>
      <c r="AV67" s="156"/>
      <c r="AW67" s="156" t="s">
        <v>27</v>
      </c>
      <c r="AX67" s="156"/>
      <c r="AY67" s="156"/>
      <c r="AZ67" s="156"/>
      <c r="BA67" s="156"/>
      <c r="BB67" s="156"/>
      <c r="BC67" s="156"/>
      <c r="BD67" s="156"/>
      <c r="BE67" s="156"/>
      <c r="BF67" s="156"/>
      <c r="BG67" s="156"/>
      <c r="BH67" s="156"/>
      <c r="BI67" s="156"/>
      <c r="BJ67" s="156"/>
      <c r="BK67" s="156"/>
      <c r="BL67" s="156"/>
      <c r="BM67" s="156" t="s">
        <v>27</v>
      </c>
      <c r="BN67" s="156"/>
      <c r="BO67" s="156"/>
      <c r="BP67" s="156"/>
      <c r="BQ67" s="156"/>
      <c r="BR67" s="156"/>
      <c r="BS67" s="156"/>
      <c r="BT67" s="156"/>
      <c r="BU67" s="156"/>
      <c r="BV67" s="156"/>
      <c r="BW67" s="156"/>
      <c r="BX67" s="156"/>
      <c r="BY67" s="156"/>
      <c r="BZ67" s="156"/>
      <c r="CA67" s="156"/>
      <c r="CB67" s="156"/>
      <c r="CC67" s="156" t="s">
        <v>27</v>
      </c>
      <c r="CD67" s="156"/>
      <c r="CE67" s="156"/>
      <c r="CF67" s="156"/>
      <c r="CG67" s="156"/>
      <c r="CH67" s="156"/>
      <c r="CI67" s="156"/>
      <c r="CJ67" s="156"/>
      <c r="CK67" s="156"/>
      <c r="CL67" s="156"/>
      <c r="CM67" s="156"/>
      <c r="CN67" s="156"/>
      <c r="CO67" s="156"/>
      <c r="CP67" s="156"/>
      <c r="CQ67" s="156"/>
      <c r="CR67" s="156"/>
      <c r="CS67" s="156" t="s">
        <v>27</v>
      </c>
      <c r="CT67" s="156"/>
      <c r="CU67" s="156"/>
      <c r="CV67" s="156"/>
      <c r="CW67" s="156"/>
      <c r="CX67" s="156"/>
      <c r="CY67" s="156"/>
      <c r="CZ67" s="156"/>
      <c r="DA67" s="156"/>
      <c r="DB67" s="156"/>
      <c r="DC67" s="156"/>
      <c r="DD67" s="156"/>
      <c r="DE67" s="156"/>
      <c r="DF67" s="156"/>
      <c r="DG67" s="156"/>
      <c r="DH67" s="156"/>
      <c r="DI67" s="156" t="s">
        <v>27</v>
      </c>
      <c r="DJ67" s="156"/>
      <c r="DK67" s="156"/>
      <c r="DL67" s="156"/>
      <c r="DM67" s="156"/>
      <c r="DN67" s="156"/>
      <c r="DO67" s="156"/>
      <c r="DP67" s="156"/>
      <c r="DQ67" s="156"/>
      <c r="DR67" s="156"/>
      <c r="DS67" s="156"/>
      <c r="DT67" s="156"/>
      <c r="DU67" s="156"/>
      <c r="DV67" s="156"/>
      <c r="DW67" s="156"/>
      <c r="DX67" s="156"/>
      <c r="DY67" s="156" t="s">
        <v>27</v>
      </c>
      <c r="DZ67" s="156"/>
      <c r="EA67" s="156"/>
      <c r="EB67" s="156"/>
      <c r="EC67" s="156"/>
      <c r="ED67" s="156"/>
      <c r="EE67" s="156"/>
      <c r="EF67" s="156"/>
      <c r="EG67" s="156"/>
      <c r="EH67" s="156"/>
      <c r="EI67" s="156"/>
      <c r="EJ67" s="156"/>
      <c r="EK67" s="156"/>
      <c r="EL67" s="156"/>
      <c r="EM67" s="156"/>
      <c r="EN67" s="156"/>
      <c r="EO67" s="156" t="s">
        <v>27</v>
      </c>
      <c r="EP67" s="156"/>
      <c r="EQ67" s="156"/>
      <c r="ER67" s="156"/>
      <c r="ES67" s="156"/>
      <c r="ET67" s="156"/>
      <c r="EU67" s="156"/>
      <c r="EV67" s="156"/>
      <c r="EW67" s="156"/>
      <c r="EX67" s="156"/>
      <c r="EY67" s="156"/>
      <c r="EZ67" s="156"/>
      <c r="FA67" s="156"/>
      <c r="FB67" s="156"/>
      <c r="FC67" s="156"/>
      <c r="FD67" s="156"/>
      <c r="FE67" s="156" t="s">
        <v>27</v>
      </c>
      <c r="FF67" s="156"/>
      <c r="FG67" s="156"/>
      <c r="FH67" s="156"/>
      <c r="FI67" s="156"/>
      <c r="FJ67" s="156"/>
      <c r="FK67" s="156"/>
      <c r="FL67" s="156"/>
      <c r="FM67" s="156"/>
      <c r="FN67" s="156"/>
      <c r="FO67" s="156"/>
      <c r="FP67" s="156"/>
      <c r="FQ67" s="156"/>
      <c r="FR67" s="156"/>
      <c r="FS67" s="156"/>
      <c r="FT67" s="156"/>
      <c r="FU67" s="156" t="s">
        <v>27</v>
      </c>
      <c r="FV67" s="156"/>
      <c r="FW67" s="156"/>
      <c r="FX67" s="156"/>
      <c r="FY67" s="156"/>
      <c r="FZ67" s="156"/>
      <c r="GA67" s="156"/>
      <c r="GB67" s="156"/>
      <c r="GC67" s="156"/>
      <c r="GD67" s="156"/>
      <c r="GE67" s="156"/>
      <c r="GF67" s="156"/>
      <c r="GG67" s="156"/>
      <c r="GH67" s="156"/>
      <c r="GI67" s="156"/>
      <c r="GJ67" s="156"/>
      <c r="GK67" s="156" t="s">
        <v>27</v>
      </c>
      <c r="GL67" s="156"/>
      <c r="GM67" s="156"/>
      <c r="GN67" s="156"/>
      <c r="GO67" s="156"/>
      <c r="GP67" s="156"/>
      <c r="GQ67" s="156"/>
      <c r="GR67" s="156"/>
      <c r="GS67" s="156"/>
      <c r="GT67" s="156"/>
      <c r="GU67" s="156"/>
      <c r="GV67" s="156"/>
      <c r="GW67" s="156"/>
      <c r="GX67" s="156"/>
      <c r="GY67" s="156"/>
      <c r="GZ67" s="156"/>
      <c r="HA67" s="156" t="s">
        <v>27</v>
      </c>
      <c r="HB67" s="156"/>
      <c r="HC67" s="156"/>
      <c r="HD67" s="156"/>
      <c r="HE67" s="156"/>
      <c r="HF67" s="156"/>
      <c r="HG67" s="156"/>
      <c r="HH67" s="156"/>
      <c r="HI67" s="156"/>
      <c r="HJ67" s="156"/>
      <c r="HK67" s="156"/>
      <c r="HL67" s="156"/>
      <c r="HM67" s="156"/>
      <c r="HN67" s="156"/>
      <c r="HO67" s="156"/>
      <c r="HP67" s="156"/>
      <c r="HQ67" s="156" t="s">
        <v>27</v>
      </c>
      <c r="HR67" s="156"/>
      <c r="HS67" s="156"/>
      <c r="HT67" s="156"/>
      <c r="HU67" s="156"/>
      <c r="HV67" s="156"/>
      <c r="HW67" s="156"/>
      <c r="HX67" s="156"/>
      <c r="HY67" s="156"/>
      <c r="HZ67" s="156"/>
      <c r="IA67" s="156"/>
      <c r="IB67" s="156"/>
      <c r="IC67" s="156"/>
      <c r="ID67" s="156"/>
      <c r="IE67" s="156"/>
      <c r="IF67" s="156"/>
      <c r="IG67" s="156" t="s">
        <v>27</v>
      </c>
      <c r="IH67" s="156"/>
      <c r="II67" s="156"/>
      <c r="IJ67" s="156"/>
      <c r="IK67" s="156"/>
      <c r="IL67" s="156"/>
      <c r="IM67" s="156"/>
      <c r="IN67" s="156"/>
      <c r="IO67" s="156"/>
      <c r="IP67" s="156"/>
      <c r="IQ67" s="156"/>
      <c r="IR67" s="156"/>
      <c r="IS67" s="156"/>
      <c r="IT67" s="156"/>
      <c r="IU67" s="156"/>
      <c r="IV67" s="156"/>
    </row>
    <row r="68" spans="1:256" x14ac:dyDescent="0.25">
      <c r="A68" s="26" t="s">
        <v>5</v>
      </c>
      <c r="B68" s="75" t="s">
        <v>31</v>
      </c>
    </row>
    <row r="69" spans="1:256" x14ac:dyDescent="0.25">
      <c r="B69" s="75"/>
      <c r="C69" s="60"/>
    </row>
    <row r="70" spans="1:256" x14ac:dyDescent="0.25">
      <c r="D70" s="61"/>
      <c r="E70" s="61"/>
      <c r="F70" s="61"/>
      <c r="G70" s="61"/>
      <c r="H70" s="61"/>
      <c r="I70" s="61"/>
      <c r="J70" s="61"/>
      <c r="K70" s="61"/>
      <c r="L70" s="61"/>
      <c r="M70" s="61"/>
      <c r="N70" s="61"/>
      <c r="O70" s="61"/>
    </row>
    <row r="73" spans="1:256" x14ac:dyDescent="0.25">
      <c r="D73" s="62"/>
    </row>
    <row r="155" spans="1:256" s="26" customFormat="1" x14ac:dyDescent="0.25">
      <c r="A155" s="63"/>
      <c r="B155" s="63"/>
      <c r="C155" s="63"/>
      <c r="D155" s="63"/>
      <c r="E155" s="63"/>
      <c r="F155" s="63"/>
      <c r="G155" s="63"/>
      <c r="H155" s="63"/>
      <c r="I155" s="63"/>
      <c r="K155" s="28"/>
      <c r="L155" s="28"/>
      <c r="M155" s="28"/>
      <c r="N155" s="28"/>
      <c r="O155" s="28"/>
      <c r="P155" s="28"/>
      <c r="Q155" s="28"/>
      <c r="R155" s="28"/>
      <c r="S155" s="28"/>
      <c r="T155" s="28"/>
      <c r="U155" s="28"/>
      <c r="V155" s="28"/>
      <c r="W155" s="28"/>
      <c r="X155" s="28"/>
      <c r="Y155" s="28"/>
      <c r="Z155" s="28"/>
      <c r="AA155" s="28"/>
      <c r="AB155" s="28"/>
      <c r="AC155" s="28"/>
      <c r="AD155" s="28"/>
      <c r="AE155" s="28"/>
      <c r="AF155" s="28"/>
      <c r="AG155" s="28"/>
      <c r="AH155" s="28"/>
      <c r="AI155" s="28"/>
      <c r="AJ155" s="28"/>
      <c r="AK155" s="28"/>
      <c r="AL155" s="28"/>
      <c r="AM155" s="28"/>
      <c r="AN155" s="28"/>
      <c r="AO155" s="28"/>
      <c r="AP155" s="28"/>
      <c r="AQ155" s="28"/>
      <c r="AR155" s="28"/>
      <c r="AS155" s="28"/>
      <c r="AT155" s="28"/>
      <c r="AU155" s="28"/>
      <c r="AV155" s="28"/>
      <c r="AW155" s="28"/>
      <c r="AX155" s="28"/>
      <c r="AY155" s="28"/>
      <c r="AZ155" s="28"/>
      <c r="BA155" s="28"/>
      <c r="BB155" s="28"/>
      <c r="BC155" s="28"/>
      <c r="BD155" s="28"/>
      <c r="BE155" s="28"/>
      <c r="BF155" s="28"/>
      <c r="BG155" s="28"/>
      <c r="BH155" s="28"/>
      <c r="BI155" s="28"/>
      <c r="BJ155" s="28"/>
      <c r="BK155" s="28"/>
      <c r="BL155" s="28"/>
      <c r="BM155" s="28"/>
      <c r="BN155" s="28"/>
      <c r="BO155" s="28"/>
      <c r="BP155" s="28"/>
      <c r="BQ155" s="28"/>
      <c r="BR155" s="28"/>
      <c r="BS155" s="28"/>
      <c r="BT155" s="28"/>
      <c r="BU155" s="28"/>
      <c r="BV155" s="28"/>
      <c r="BW155" s="28"/>
      <c r="BX155" s="28"/>
      <c r="BY155" s="28"/>
      <c r="BZ155" s="28"/>
      <c r="CA155" s="28"/>
      <c r="CB155" s="28"/>
      <c r="CC155" s="28"/>
      <c r="CD155" s="28"/>
      <c r="CE155" s="28"/>
      <c r="CF155" s="28"/>
      <c r="CG155" s="28"/>
      <c r="CH155" s="28"/>
      <c r="CI155" s="28"/>
      <c r="CJ155" s="28"/>
      <c r="CK155" s="28"/>
      <c r="CL155" s="28"/>
      <c r="CM155" s="28"/>
      <c r="CN155" s="28"/>
      <c r="CO155" s="28"/>
      <c r="CP155" s="28"/>
      <c r="CQ155" s="28"/>
      <c r="CR155" s="28"/>
      <c r="CS155" s="28"/>
      <c r="CT155" s="28"/>
      <c r="CU155" s="28"/>
      <c r="CV155" s="28"/>
      <c r="CW155" s="28"/>
      <c r="CX155" s="28"/>
      <c r="CY155" s="28"/>
      <c r="CZ155" s="28"/>
      <c r="DA155" s="28"/>
      <c r="DB155" s="28"/>
      <c r="DC155" s="28"/>
      <c r="DD155" s="28"/>
      <c r="DE155" s="28"/>
      <c r="DF155" s="28"/>
      <c r="DG155" s="28"/>
      <c r="DH155" s="28"/>
      <c r="DI155" s="28"/>
      <c r="DJ155" s="28"/>
      <c r="DK155" s="28"/>
      <c r="DL155" s="28"/>
      <c r="DM155" s="28"/>
      <c r="DN155" s="28"/>
      <c r="DO155" s="28"/>
      <c r="DP155" s="28"/>
      <c r="DQ155" s="28"/>
      <c r="DR155" s="28"/>
      <c r="DS155" s="28"/>
      <c r="DT155" s="28"/>
      <c r="DU155" s="28"/>
      <c r="DV155" s="28"/>
      <c r="DW155" s="28"/>
      <c r="DX155" s="28"/>
      <c r="DY155" s="28"/>
      <c r="DZ155" s="28"/>
      <c r="EA155" s="28"/>
      <c r="EB155" s="28"/>
      <c r="EC155" s="28"/>
      <c r="ED155" s="28"/>
      <c r="EE155" s="28"/>
      <c r="EF155" s="28"/>
      <c r="EG155" s="28"/>
      <c r="EH155" s="28"/>
      <c r="EI155" s="28"/>
      <c r="EJ155" s="28"/>
      <c r="EK155" s="28"/>
      <c r="EL155" s="28"/>
      <c r="EM155" s="28"/>
      <c r="EN155" s="28"/>
      <c r="EO155" s="28"/>
      <c r="EP155" s="28"/>
      <c r="EQ155" s="28"/>
      <c r="ER155" s="28"/>
      <c r="ES155" s="28"/>
      <c r="ET155" s="28"/>
      <c r="EU155" s="28"/>
      <c r="EV155" s="28"/>
      <c r="EW155" s="28"/>
      <c r="EX155" s="28"/>
      <c r="EY155" s="28"/>
      <c r="EZ155" s="28"/>
      <c r="FA155" s="28"/>
      <c r="FB155" s="28"/>
      <c r="FC155" s="28"/>
      <c r="FD155" s="28"/>
      <c r="FE155" s="28"/>
      <c r="FF155" s="28"/>
      <c r="FG155" s="28"/>
      <c r="FH155" s="28"/>
      <c r="FI155" s="28"/>
      <c r="FJ155" s="28"/>
      <c r="FK155" s="28"/>
      <c r="FL155" s="28"/>
      <c r="FM155" s="28"/>
      <c r="FN155" s="28"/>
      <c r="FO155" s="28"/>
      <c r="FP155" s="28"/>
      <c r="FQ155" s="28"/>
      <c r="FR155" s="28"/>
      <c r="FS155" s="28"/>
      <c r="FT155" s="28"/>
      <c r="FU155" s="28"/>
      <c r="FV155" s="28"/>
      <c r="FW155" s="28"/>
      <c r="FX155" s="28"/>
      <c r="FY155" s="28"/>
      <c r="FZ155" s="28"/>
      <c r="GA155" s="28"/>
      <c r="GB155" s="28"/>
      <c r="GC155" s="28"/>
      <c r="GD155" s="28"/>
      <c r="GE155" s="28"/>
      <c r="GF155" s="28"/>
      <c r="GG155" s="28"/>
      <c r="GH155" s="28"/>
      <c r="GI155" s="28"/>
      <c r="GJ155" s="28"/>
      <c r="GK155" s="28"/>
      <c r="GL155" s="28"/>
      <c r="GM155" s="28"/>
      <c r="GN155" s="28"/>
      <c r="GO155" s="28"/>
      <c r="GP155" s="28"/>
      <c r="GQ155" s="28"/>
      <c r="GR155" s="28"/>
      <c r="GS155" s="28"/>
      <c r="GT155" s="28"/>
      <c r="GU155" s="28"/>
      <c r="GV155" s="28"/>
      <c r="GW155" s="28"/>
      <c r="GX155" s="28"/>
      <c r="GY155" s="28"/>
      <c r="GZ155" s="28"/>
      <c r="HA155" s="28"/>
      <c r="HB155" s="28"/>
      <c r="HC155" s="28"/>
      <c r="HD155" s="28"/>
      <c r="HE155" s="28"/>
      <c r="HF155" s="28"/>
      <c r="HG155" s="28"/>
      <c r="HH155" s="28"/>
      <c r="HI155" s="28"/>
      <c r="HJ155" s="28"/>
      <c r="HK155" s="28"/>
      <c r="HL155" s="28"/>
      <c r="HM155" s="28"/>
      <c r="HN155" s="28"/>
      <c r="HO155" s="28"/>
      <c r="HP155" s="28"/>
      <c r="HQ155" s="28"/>
      <c r="HR155" s="28"/>
      <c r="HS155" s="28"/>
      <c r="HT155" s="28"/>
      <c r="HU155" s="28"/>
      <c r="HV155" s="28"/>
      <c r="HW155" s="28"/>
      <c r="HX155" s="28"/>
      <c r="HY155" s="28"/>
      <c r="HZ155" s="28"/>
      <c r="IA155" s="28"/>
      <c r="IB155" s="28"/>
      <c r="IC155" s="28"/>
      <c r="ID155" s="28"/>
      <c r="IE155" s="28"/>
      <c r="IF155" s="28"/>
      <c r="IG155" s="28"/>
      <c r="IH155" s="28"/>
      <c r="II155" s="28"/>
      <c r="IJ155" s="28"/>
      <c r="IK155" s="28"/>
      <c r="IL155" s="28"/>
      <c r="IM155" s="28"/>
      <c r="IN155" s="28"/>
      <c r="IO155" s="28"/>
      <c r="IP155" s="28"/>
      <c r="IQ155" s="28"/>
      <c r="IR155" s="28"/>
      <c r="IS155" s="28"/>
      <c r="IT155" s="28"/>
      <c r="IU155" s="28"/>
      <c r="IV155" s="28"/>
    </row>
  </sheetData>
  <mergeCells count="50">
    <mergeCell ref="HQ67:IF67"/>
    <mergeCell ref="IG67:IV67"/>
    <mergeCell ref="EO67:FD67"/>
    <mergeCell ref="FE67:FT67"/>
    <mergeCell ref="FU67:GJ67"/>
    <mergeCell ref="GK67:GZ67"/>
    <mergeCell ref="HA67:HP67"/>
    <mergeCell ref="BM67:CB67"/>
    <mergeCell ref="CC67:CR67"/>
    <mergeCell ref="CS67:DH67"/>
    <mergeCell ref="DI67:DX67"/>
    <mergeCell ref="DY67:EN67"/>
    <mergeCell ref="B32:P32"/>
    <mergeCell ref="A67:P67"/>
    <mergeCell ref="Q67:AF67"/>
    <mergeCell ref="AG67:AV67"/>
    <mergeCell ref="AW67:BL67"/>
    <mergeCell ref="A56:P56"/>
    <mergeCell ref="B60:P60"/>
    <mergeCell ref="A62:P62"/>
    <mergeCell ref="B64:C64"/>
    <mergeCell ref="B65:C65"/>
    <mergeCell ref="B48:P48"/>
    <mergeCell ref="B51:P51"/>
    <mergeCell ref="B52:P52"/>
    <mergeCell ref="B53:P53"/>
    <mergeCell ref="B54:O54"/>
    <mergeCell ref="B49:P49"/>
    <mergeCell ref="A23:P23"/>
    <mergeCell ref="B26:M26"/>
    <mergeCell ref="B27:M27"/>
    <mergeCell ref="A30:P30"/>
    <mergeCell ref="B31:M31"/>
    <mergeCell ref="A4:P4"/>
    <mergeCell ref="A9:P9"/>
    <mergeCell ref="B16:L16"/>
    <mergeCell ref="B19:M19"/>
    <mergeCell ref="B20:M20"/>
    <mergeCell ref="B50:P50"/>
    <mergeCell ref="A44:P44"/>
    <mergeCell ref="B45:P45"/>
    <mergeCell ref="B46:P46"/>
    <mergeCell ref="B47:P47"/>
    <mergeCell ref="B42:P42"/>
    <mergeCell ref="B34:P34"/>
    <mergeCell ref="B33:P33"/>
    <mergeCell ref="B35:P35"/>
    <mergeCell ref="B36:P36"/>
    <mergeCell ref="B37:P37"/>
    <mergeCell ref="B41:P41"/>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7">
    <pageSetUpPr fitToPage="1"/>
  </sheetPr>
  <dimension ref="A3:IV162"/>
  <sheetViews>
    <sheetView showGridLines="0" topLeftCell="A58" workbookViewId="0">
      <selection activeCell="A74" sqref="A74:P74"/>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57</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50" t="s">
        <v>73</v>
      </c>
      <c r="C12" s="150"/>
      <c r="D12" s="150"/>
      <c r="E12" s="150"/>
      <c r="F12" s="150"/>
      <c r="G12" s="150"/>
      <c r="H12" s="150"/>
      <c r="I12" s="150"/>
      <c r="J12" s="150"/>
      <c r="K12" s="150"/>
      <c r="L12" s="150"/>
      <c r="M12" s="150"/>
      <c r="O12" s="42">
        <v>20000</v>
      </c>
      <c r="P12" s="43" t="s">
        <v>9</v>
      </c>
    </row>
    <row r="13" spans="1:16" x14ac:dyDescent="0.25">
      <c r="A13" s="26" t="s">
        <v>5</v>
      </c>
      <c r="B13" s="75" t="s">
        <v>72</v>
      </c>
      <c r="I13" s="28"/>
      <c r="J13" s="28"/>
      <c r="O13" s="40"/>
      <c r="P13" s="26"/>
    </row>
    <row r="14" spans="1:16" x14ac:dyDescent="0.25">
      <c r="B14" s="44" t="s">
        <v>10</v>
      </c>
      <c r="I14" s="28"/>
      <c r="J14" s="28"/>
      <c r="O14" s="40">
        <v>20000</v>
      </c>
      <c r="P14" s="75" t="s">
        <v>9</v>
      </c>
    </row>
    <row r="15" spans="1:16" x14ac:dyDescent="0.25">
      <c r="B15" s="44" t="s">
        <v>11</v>
      </c>
      <c r="I15" s="28"/>
      <c r="J15" s="28"/>
      <c r="O15" s="40">
        <v>20000</v>
      </c>
      <c r="P15" s="75" t="s">
        <v>9</v>
      </c>
    </row>
    <row r="16" spans="1:16" x14ac:dyDescent="0.25">
      <c r="B16" s="44" t="s">
        <v>12</v>
      </c>
      <c r="I16" s="28"/>
      <c r="J16" s="28"/>
      <c r="O16" s="40">
        <v>4000</v>
      </c>
      <c r="P16" s="75" t="s">
        <v>9</v>
      </c>
    </row>
    <row r="17" spans="1:16" ht="12" customHeight="1" x14ac:dyDescent="0.25">
      <c r="A17" s="41" t="s">
        <v>5</v>
      </c>
      <c r="B17" s="138" t="s">
        <v>13</v>
      </c>
      <c r="C17" s="138"/>
      <c r="D17" s="138"/>
      <c r="E17" s="138"/>
      <c r="F17" s="138"/>
      <c r="G17" s="138"/>
      <c r="H17" s="138"/>
      <c r="I17" s="138"/>
      <c r="J17" s="138"/>
      <c r="K17" s="138"/>
      <c r="L17" s="138"/>
      <c r="O17" s="40">
        <v>1000</v>
      </c>
    </row>
    <row r="18" spans="1:16" x14ac:dyDescent="0.25">
      <c r="A18" s="26" t="s">
        <v>5</v>
      </c>
      <c r="B18" s="75" t="s">
        <v>14</v>
      </c>
      <c r="I18" s="28"/>
      <c r="O18" s="36" t="s">
        <v>7</v>
      </c>
    </row>
    <row r="19" spans="1:16" x14ac:dyDescent="0.25">
      <c r="A19" s="26" t="s">
        <v>5</v>
      </c>
      <c r="B19" s="75" t="s">
        <v>15</v>
      </c>
      <c r="I19" s="28"/>
      <c r="O19" s="36" t="s">
        <v>7</v>
      </c>
    </row>
    <row r="20" spans="1:16" x14ac:dyDescent="0.25">
      <c r="A20" s="26" t="s">
        <v>5</v>
      </c>
      <c r="B20" s="141" t="s">
        <v>34</v>
      </c>
      <c r="C20" s="141"/>
      <c r="D20" s="141"/>
      <c r="E20" s="141"/>
      <c r="F20" s="141"/>
      <c r="G20" s="141"/>
      <c r="H20" s="141"/>
      <c r="I20" s="141"/>
      <c r="J20" s="141"/>
      <c r="K20" s="141"/>
      <c r="L20" s="141"/>
      <c r="M20" s="141"/>
      <c r="O20" s="36" t="s">
        <v>7</v>
      </c>
    </row>
    <row r="21" spans="1:16" x14ac:dyDescent="0.25">
      <c r="A21" s="41" t="s">
        <v>5</v>
      </c>
      <c r="B21" s="134" t="s">
        <v>91</v>
      </c>
      <c r="C21" s="134"/>
      <c r="D21" s="134"/>
      <c r="E21" s="134"/>
      <c r="F21" s="134"/>
      <c r="G21" s="134"/>
      <c r="H21" s="134"/>
      <c r="I21" s="134"/>
      <c r="J21" s="134"/>
      <c r="K21" s="134"/>
      <c r="L21" s="134"/>
      <c r="M21" s="134"/>
      <c r="N21" s="46"/>
      <c r="O21" s="42">
        <v>50000</v>
      </c>
    </row>
    <row r="22" spans="1:16" x14ac:dyDescent="0.25">
      <c r="A22" s="26" t="s">
        <v>5</v>
      </c>
      <c r="B22" s="75" t="s">
        <v>16</v>
      </c>
      <c r="I22" s="28"/>
      <c r="O22" s="36" t="s">
        <v>7</v>
      </c>
    </row>
    <row r="24" spans="1:16" ht="12" customHeight="1" x14ac:dyDescent="0.25">
      <c r="A24" s="137" t="s">
        <v>17</v>
      </c>
      <c r="B24" s="137"/>
      <c r="C24" s="137"/>
      <c r="D24" s="137"/>
      <c r="E24" s="137"/>
      <c r="F24" s="137"/>
      <c r="G24" s="137"/>
      <c r="H24" s="137"/>
      <c r="I24" s="137"/>
      <c r="J24" s="137"/>
      <c r="K24" s="137"/>
      <c r="L24" s="137"/>
      <c r="M24" s="137"/>
      <c r="N24" s="137"/>
      <c r="O24" s="137"/>
      <c r="P24" s="137"/>
    </row>
    <row r="25" spans="1:16" x14ac:dyDescent="0.25">
      <c r="A25" s="26" t="s">
        <v>5</v>
      </c>
      <c r="B25" s="75" t="s">
        <v>18</v>
      </c>
      <c r="I25" s="28"/>
      <c r="O25" s="47">
        <v>500</v>
      </c>
    </row>
    <row r="26" spans="1:16" x14ac:dyDescent="0.25">
      <c r="A26" s="26" t="s">
        <v>5</v>
      </c>
      <c r="B26" s="75" t="s">
        <v>19</v>
      </c>
      <c r="I26" s="28"/>
      <c r="O26" s="47">
        <v>500</v>
      </c>
    </row>
    <row r="27" spans="1:16" x14ac:dyDescent="0.25">
      <c r="A27" s="26" t="s">
        <v>5</v>
      </c>
      <c r="B27" s="75" t="s">
        <v>159</v>
      </c>
      <c r="I27" s="28"/>
      <c r="O27" s="47" t="s">
        <v>160</v>
      </c>
    </row>
    <row r="28" spans="1:16" x14ac:dyDescent="0.25">
      <c r="A28" s="41" t="s">
        <v>5</v>
      </c>
      <c r="B28" s="152" t="s">
        <v>127</v>
      </c>
      <c r="C28" s="152"/>
      <c r="D28" s="152"/>
      <c r="E28" s="152"/>
      <c r="F28" s="152"/>
      <c r="G28" s="152"/>
      <c r="H28" s="152"/>
      <c r="I28" s="152"/>
      <c r="J28" s="152"/>
      <c r="K28" s="152"/>
      <c r="L28" s="152"/>
      <c r="M28" s="152"/>
      <c r="N28" s="76"/>
      <c r="O28" s="73" t="s">
        <v>82</v>
      </c>
      <c r="P28" s="76"/>
    </row>
    <row r="29" spans="1:16" ht="12" customHeight="1" x14ac:dyDescent="0.25">
      <c r="A29" s="41" t="s">
        <v>5</v>
      </c>
      <c r="B29" s="148" t="s">
        <v>128</v>
      </c>
      <c r="C29" s="148"/>
      <c r="D29" s="148"/>
      <c r="E29" s="148"/>
      <c r="F29" s="148"/>
      <c r="G29" s="148"/>
      <c r="H29" s="148"/>
      <c r="I29" s="148"/>
      <c r="J29" s="148"/>
      <c r="K29" s="148"/>
      <c r="L29" s="148"/>
      <c r="M29" s="148"/>
      <c r="N29" s="84"/>
      <c r="O29" s="73" t="s">
        <v>82</v>
      </c>
      <c r="P29" s="84"/>
    </row>
    <row r="30" spans="1:16" x14ac:dyDescent="0.25">
      <c r="A30" s="36"/>
      <c r="B30" s="68" t="s">
        <v>280</v>
      </c>
      <c r="C30" s="50"/>
      <c r="D30" s="50"/>
      <c r="E30" s="50"/>
      <c r="F30" s="50"/>
      <c r="G30" s="50"/>
      <c r="H30" s="50"/>
      <c r="I30" s="49"/>
      <c r="J30" s="50"/>
      <c r="K30" s="49"/>
      <c r="L30" s="49"/>
      <c r="M30" s="49"/>
      <c r="N30" s="76"/>
      <c r="O30" s="76"/>
      <c r="P30" s="76"/>
    </row>
    <row r="31" spans="1:16" x14ac:dyDescent="0.25">
      <c r="I31" s="48"/>
    </row>
    <row r="32" spans="1:16" ht="12" customHeight="1" x14ac:dyDescent="0.25">
      <c r="A32" s="137" t="s">
        <v>20</v>
      </c>
      <c r="B32" s="137"/>
      <c r="C32" s="137"/>
      <c r="D32" s="137"/>
      <c r="E32" s="137"/>
      <c r="F32" s="137"/>
      <c r="G32" s="137"/>
      <c r="H32" s="137"/>
      <c r="I32" s="137"/>
      <c r="J32" s="137"/>
      <c r="K32" s="137"/>
      <c r="L32" s="137"/>
      <c r="M32" s="137"/>
      <c r="N32" s="137"/>
      <c r="O32" s="137"/>
      <c r="P32" s="137"/>
    </row>
    <row r="33" spans="1:16" ht="12" customHeight="1" x14ac:dyDescent="0.25">
      <c r="A33" s="41" t="s">
        <v>5</v>
      </c>
      <c r="B33" s="138" t="s">
        <v>87</v>
      </c>
      <c r="C33" s="138"/>
      <c r="D33" s="138"/>
      <c r="E33" s="138"/>
      <c r="F33" s="138"/>
      <c r="G33" s="138"/>
      <c r="H33" s="138"/>
      <c r="I33" s="138"/>
      <c r="J33" s="138"/>
      <c r="K33" s="138"/>
      <c r="L33" s="138"/>
      <c r="M33" s="138"/>
      <c r="N33" s="113"/>
    </row>
    <row r="34" spans="1:16" ht="12" customHeight="1" x14ac:dyDescent="0.25">
      <c r="A34" s="41" t="s">
        <v>5</v>
      </c>
      <c r="B34" s="138" t="s">
        <v>222</v>
      </c>
      <c r="C34" s="138"/>
      <c r="D34" s="138"/>
      <c r="E34" s="138"/>
      <c r="F34" s="138"/>
      <c r="G34" s="138"/>
      <c r="H34" s="138"/>
      <c r="I34" s="138"/>
      <c r="J34" s="138"/>
      <c r="K34" s="138"/>
      <c r="L34" s="138"/>
      <c r="M34" s="138"/>
      <c r="N34" s="138"/>
      <c r="O34" s="138"/>
      <c r="P34" s="138"/>
    </row>
    <row r="35" spans="1:16" ht="12" customHeight="1" x14ac:dyDescent="0.25">
      <c r="A35" s="41" t="s">
        <v>5</v>
      </c>
      <c r="B35" s="138" t="s">
        <v>223</v>
      </c>
      <c r="C35" s="138"/>
      <c r="D35" s="138"/>
      <c r="E35" s="138"/>
      <c r="F35" s="138"/>
      <c r="G35" s="138"/>
      <c r="H35" s="138"/>
      <c r="I35" s="138"/>
      <c r="J35" s="138"/>
      <c r="K35" s="138"/>
      <c r="L35" s="138"/>
      <c r="M35" s="138"/>
      <c r="N35" s="138"/>
      <c r="O35" s="138"/>
      <c r="P35" s="138"/>
    </row>
    <row r="36" spans="1:16" x14ac:dyDescent="0.25">
      <c r="A36" s="41" t="s">
        <v>5</v>
      </c>
      <c r="B36" s="138" t="s">
        <v>163</v>
      </c>
      <c r="C36" s="138"/>
      <c r="D36" s="138"/>
      <c r="E36" s="138"/>
      <c r="F36" s="138"/>
      <c r="G36" s="138"/>
      <c r="H36" s="138"/>
      <c r="I36" s="138"/>
      <c r="J36" s="138"/>
      <c r="K36" s="138"/>
      <c r="L36" s="138"/>
      <c r="M36" s="138"/>
      <c r="N36" s="138"/>
      <c r="O36" s="138"/>
      <c r="P36" s="138"/>
    </row>
    <row r="37" spans="1:16" x14ac:dyDescent="0.25">
      <c r="A37" s="26" t="s">
        <v>5</v>
      </c>
      <c r="B37" s="141" t="s">
        <v>161</v>
      </c>
      <c r="C37" s="141"/>
      <c r="D37" s="141"/>
      <c r="E37" s="141"/>
      <c r="F37" s="141"/>
      <c r="G37" s="141"/>
      <c r="H37" s="141"/>
      <c r="I37" s="141"/>
      <c r="J37" s="141"/>
      <c r="K37" s="141"/>
      <c r="L37" s="141"/>
      <c r="M37" s="141"/>
      <c r="N37" s="141"/>
      <c r="O37" s="141"/>
      <c r="P37" s="141"/>
    </row>
    <row r="38" spans="1:16" ht="26.25" customHeight="1" x14ac:dyDescent="0.25">
      <c r="A38" s="41" t="s">
        <v>5</v>
      </c>
      <c r="B38" s="144" t="s">
        <v>162</v>
      </c>
      <c r="C38" s="144"/>
      <c r="D38" s="144"/>
      <c r="E38" s="144"/>
      <c r="F38" s="144"/>
      <c r="G38" s="144"/>
      <c r="H38" s="144"/>
      <c r="I38" s="144"/>
      <c r="J38" s="144"/>
      <c r="K38" s="144"/>
      <c r="L38" s="144"/>
      <c r="M38" s="144"/>
      <c r="N38" s="144"/>
      <c r="O38" s="144"/>
      <c r="P38" s="144"/>
    </row>
    <row r="39" spans="1:16" x14ac:dyDescent="0.25">
      <c r="A39" s="41" t="s">
        <v>5</v>
      </c>
      <c r="B39" s="142" t="s">
        <v>80</v>
      </c>
      <c r="C39" s="142"/>
      <c r="D39" s="142"/>
      <c r="E39" s="142"/>
      <c r="F39" s="142"/>
      <c r="G39" s="142"/>
      <c r="H39" s="142"/>
      <c r="I39" s="142"/>
      <c r="J39" s="142"/>
      <c r="K39" s="142"/>
      <c r="L39" s="142"/>
      <c r="M39" s="142"/>
      <c r="N39" s="142"/>
      <c r="O39" s="142"/>
      <c r="P39" s="142"/>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69" t="s">
        <v>184</v>
      </c>
      <c r="C41" s="63"/>
      <c r="D41" s="63"/>
      <c r="E41" s="63"/>
      <c r="F41" s="63"/>
      <c r="G41" s="63"/>
      <c r="H41" s="63"/>
      <c r="I41" s="63"/>
      <c r="J41" s="63"/>
      <c r="K41" s="70"/>
      <c r="L41" s="70"/>
      <c r="M41" s="70"/>
      <c r="N41" s="70"/>
      <c r="O41" s="70"/>
      <c r="P41" s="70"/>
    </row>
    <row r="42" spans="1:16" x14ac:dyDescent="0.25">
      <c r="A42" s="26" t="s">
        <v>5</v>
      </c>
      <c r="B42" s="71" t="s">
        <v>26</v>
      </c>
      <c r="C42" s="72"/>
      <c r="D42" s="72"/>
      <c r="E42" s="72"/>
      <c r="F42" s="72"/>
      <c r="G42" s="72"/>
      <c r="H42" s="72"/>
      <c r="I42" s="72"/>
      <c r="J42" s="72"/>
      <c r="K42" s="53"/>
      <c r="L42" s="53"/>
      <c r="M42" s="53"/>
      <c r="N42" s="53"/>
      <c r="O42" s="53"/>
      <c r="P42" s="53"/>
    </row>
    <row r="44" spans="1:16" x14ac:dyDescent="0.25">
      <c r="A44" s="75"/>
      <c r="B44" s="141" t="s">
        <v>21</v>
      </c>
      <c r="C44" s="141"/>
      <c r="D44" s="141"/>
      <c r="E44" s="141"/>
      <c r="F44" s="141"/>
      <c r="G44" s="141"/>
      <c r="H44" s="141"/>
      <c r="I44" s="141"/>
      <c r="J44" s="141"/>
      <c r="K44" s="141"/>
      <c r="L44" s="141"/>
      <c r="M44" s="141"/>
      <c r="N44" s="141"/>
      <c r="O44" s="141"/>
      <c r="P44" s="141"/>
    </row>
    <row r="45" spans="1:16" ht="25.5" customHeight="1" x14ac:dyDescent="0.25">
      <c r="A45" s="93"/>
      <c r="B45" s="139" t="s">
        <v>197</v>
      </c>
      <c r="C45" s="138"/>
      <c r="D45" s="138"/>
      <c r="E45" s="138"/>
      <c r="F45" s="138"/>
      <c r="G45" s="138"/>
      <c r="H45" s="138"/>
      <c r="I45" s="138"/>
      <c r="J45" s="138"/>
      <c r="K45" s="138"/>
      <c r="L45" s="138"/>
      <c r="M45" s="138"/>
      <c r="N45" s="138"/>
      <c r="O45" s="138"/>
      <c r="P45" s="138"/>
    </row>
    <row r="46" spans="1:16" ht="13.5" customHeight="1" x14ac:dyDescent="0.25"/>
    <row r="47" spans="1:16" ht="11.25" customHeight="1" x14ac:dyDescent="0.25">
      <c r="A47" s="137" t="s">
        <v>62</v>
      </c>
      <c r="B47" s="137"/>
      <c r="C47" s="137"/>
      <c r="D47" s="137"/>
      <c r="E47" s="137"/>
      <c r="F47" s="137"/>
      <c r="G47" s="137"/>
      <c r="H47" s="137"/>
      <c r="I47" s="137"/>
      <c r="J47" s="137"/>
      <c r="K47" s="137"/>
      <c r="L47" s="137"/>
      <c r="M47" s="137"/>
      <c r="N47" s="137"/>
      <c r="O47" s="137"/>
      <c r="P47" s="137"/>
    </row>
    <row r="48" spans="1:16" s="53" customFormat="1" x14ac:dyDescent="0.25">
      <c r="A48" s="41" t="s">
        <v>5</v>
      </c>
      <c r="B48" s="134" t="s">
        <v>63</v>
      </c>
      <c r="C48" s="134"/>
      <c r="D48" s="134"/>
      <c r="E48" s="134"/>
      <c r="F48" s="134"/>
      <c r="G48" s="134"/>
      <c r="H48" s="134"/>
      <c r="I48" s="134"/>
      <c r="J48" s="134"/>
      <c r="K48" s="134"/>
      <c r="L48" s="134"/>
      <c r="M48" s="134"/>
      <c r="N48" s="134"/>
      <c r="O48" s="134"/>
      <c r="P48" s="134"/>
    </row>
    <row r="49" spans="1:16" x14ac:dyDescent="0.25">
      <c r="A49" s="41" t="s">
        <v>5</v>
      </c>
      <c r="B49" s="138" t="s">
        <v>139</v>
      </c>
      <c r="C49" s="138"/>
      <c r="D49" s="138"/>
      <c r="E49" s="138"/>
      <c r="F49" s="138"/>
      <c r="G49" s="138"/>
      <c r="H49" s="138"/>
      <c r="I49" s="138"/>
      <c r="J49" s="138"/>
      <c r="K49" s="138"/>
      <c r="L49" s="138"/>
      <c r="M49" s="138"/>
      <c r="N49" s="138"/>
      <c r="O49" s="138"/>
      <c r="P49" s="138"/>
    </row>
    <row r="50" spans="1:16" s="53" customFormat="1" ht="25.5" customHeight="1" x14ac:dyDescent="0.25">
      <c r="A50" s="41" t="s">
        <v>5</v>
      </c>
      <c r="B50" s="134" t="s">
        <v>74</v>
      </c>
      <c r="C50" s="134"/>
      <c r="D50" s="134"/>
      <c r="E50" s="134"/>
      <c r="F50" s="134"/>
      <c r="G50" s="134"/>
      <c r="H50" s="134"/>
      <c r="I50" s="134"/>
      <c r="J50" s="134"/>
      <c r="K50" s="134"/>
      <c r="L50" s="134"/>
      <c r="M50" s="134"/>
      <c r="N50" s="134"/>
      <c r="O50" s="134"/>
      <c r="P50" s="134"/>
    </row>
    <row r="51" spans="1:16" s="53" customFormat="1" ht="12" customHeight="1" x14ac:dyDescent="0.25">
      <c r="A51" s="41" t="s">
        <v>5</v>
      </c>
      <c r="B51" s="134" t="s">
        <v>75</v>
      </c>
      <c r="C51" s="134"/>
      <c r="D51" s="134"/>
      <c r="E51" s="134"/>
      <c r="F51" s="134"/>
      <c r="G51" s="134"/>
      <c r="H51" s="134"/>
      <c r="I51" s="134"/>
      <c r="J51" s="134"/>
      <c r="K51" s="134"/>
      <c r="L51" s="134"/>
      <c r="M51" s="134"/>
      <c r="N51" s="134"/>
      <c r="O51" s="134"/>
      <c r="P51" s="134"/>
    </row>
    <row r="52" spans="1:16" s="53" customFormat="1" ht="27" customHeight="1" x14ac:dyDescent="0.25">
      <c r="A52" s="41" t="s">
        <v>5</v>
      </c>
      <c r="B52" s="134" t="s">
        <v>66</v>
      </c>
      <c r="C52" s="134"/>
      <c r="D52" s="134"/>
      <c r="E52" s="134"/>
      <c r="F52" s="134"/>
      <c r="G52" s="134"/>
      <c r="H52" s="134"/>
      <c r="I52" s="134"/>
      <c r="J52" s="134"/>
      <c r="K52" s="134"/>
      <c r="L52" s="134"/>
      <c r="M52" s="134"/>
      <c r="N52" s="134"/>
      <c r="O52" s="134"/>
      <c r="P52" s="134"/>
    </row>
    <row r="53" spans="1:16" s="53" customFormat="1" x14ac:dyDescent="0.25">
      <c r="A53" s="41" t="s">
        <v>5</v>
      </c>
      <c r="B53" s="135" t="s">
        <v>130</v>
      </c>
      <c r="C53" s="135"/>
      <c r="D53" s="135"/>
      <c r="E53" s="135"/>
      <c r="F53" s="135"/>
      <c r="G53" s="135"/>
      <c r="H53" s="135"/>
      <c r="I53" s="135"/>
      <c r="J53" s="135"/>
      <c r="K53" s="135"/>
      <c r="L53" s="135"/>
      <c r="M53" s="135"/>
      <c r="N53" s="135"/>
      <c r="O53" s="135"/>
      <c r="P53" s="135"/>
    </row>
    <row r="54" spans="1:16" x14ac:dyDescent="0.25">
      <c r="A54" s="41" t="s">
        <v>5</v>
      </c>
      <c r="B54" s="136" t="s">
        <v>129</v>
      </c>
      <c r="C54" s="136"/>
      <c r="D54" s="136"/>
      <c r="E54" s="136"/>
      <c r="F54" s="136"/>
      <c r="G54" s="136"/>
      <c r="H54" s="136"/>
      <c r="I54" s="136"/>
      <c r="J54" s="136"/>
      <c r="K54" s="136"/>
      <c r="L54" s="136"/>
      <c r="M54" s="136"/>
      <c r="N54" s="136"/>
      <c r="O54" s="136"/>
      <c r="P54" s="136"/>
    </row>
    <row r="55" spans="1:16" ht="25.5" customHeight="1" x14ac:dyDescent="0.25">
      <c r="A55" s="41" t="s">
        <v>5</v>
      </c>
      <c r="B55" s="136" t="s">
        <v>185</v>
      </c>
      <c r="C55" s="136"/>
      <c r="D55" s="136"/>
      <c r="E55" s="136"/>
      <c r="F55" s="136"/>
      <c r="G55" s="136"/>
      <c r="H55" s="136"/>
      <c r="I55" s="136"/>
      <c r="J55" s="136"/>
      <c r="K55" s="136"/>
      <c r="L55" s="136"/>
      <c r="M55" s="136"/>
      <c r="N55" s="136"/>
      <c r="O55" s="136"/>
      <c r="P55" s="136"/>
    </row>
    <row r="56" spans="1:16" ht="23.25" customHeight="1" x14ac:dyDescent="0.25">
      <c r="A56" s="41" t="s">
        <v>5</v>
      </c>
      <c r="B56" s="136" t="s">
        <v>186</v>
      </c>
      <c r="C56" s="136"/>
      <c r="D56" s="136"/>
      <c r="E56" s="136"/>
      <c r="F56" s="136"/>
      <c r="G56" s="136"/>
      <c r="H56" s="136"/>
      <c r="I56" s="136"/>
      <c r="J56" s="136"/>
      <c r="K56" s="136"/>
      <c r="L56" s="136"/>
      <c r="M56" s="136"/>
      <c r="N56" s="136"/>
      <c r="O56" s="136"/>
      <c r="P56" s="136"/>
    </row>
    <row r="57" spans="1:16" ht="26.25" customHeight="1" x14ac:dyDescent="0.25">
      <c r="A57" s="41" t="s">
        <v>135</v>
      </c>
      <c r="B57" s="136" t="s">
        <v>187</v>
      </c>
      <c r="C57" s="136"/>
      <c r="D57" s="136"/>
      <c r="E57" s="136"/>
      <c r="F57" s="136"/>
      <c r="G57" s="136"/>
      <c r="H57" s="136"/>
      <c r="I57" s="136"/>
      <c r="J57" s="136"/>
      <c r="K57" s="136"/>
      <c r="L57" s="136"/>
      <c r="M57" s="136"/>
      <c r="N57" s="136"/>
      <c r="O57" s="136"/>
      <c r="P57" s="136"/>
    </row>
    <row r="58" spans="1:16" ht="25.5" customHeight="1" x14ac:dyDescent="0.25">
      <c r="A58" s="41" t="s">
        <v>136</v>
      </c>
      <c r="B58" s="136" t="s">
        <v>188</v>
      </c>
      <c r="C58" s="136"/>
      <c r="D58" s="136"/>
      <c r="E58" s="136"/>
      <c r="F58" s="136"/>
      <c r="G58" s="136"/>
      <c r="H58" s="136"/>
      <c r="I58" s="136"/>
      <c r="J58" s="136"/>
      <c r="K58" s="136"/>
      <c r="L58" s="136"/>
      <c r="M58" s="136"/>
      <c r="N58" s="136"/>
      <c r="O58" s="136"/>
      <c r="P58" s="136"/>
    </row>
    <row r="59" spans="1:16" x14ac:dyDescent="0.25">
      <c r="A59" s="36" t="s">
        <v>5</v>
      </c>
      <c r="B59" s="147" t="s">
        <v>180</v>
      </c>
      <c r="C59" s="147"/>
      <c r="D59" s="147"/>
      <c r="E59" s="147"/>
      <c r="F59" s="147"/>
      <c r="G59" s="147"/>
      <c r="H59" s="147"/>
      <c r="I59" s="147"/>
      <c r="J59" s="147"/>
      <c r="K59" s="147"/>
      <c r="L59" s="147"/>
      <c r="M59" s="147"/>
      <c r="N59" s="147"/>
      <c r="O59" s="147"/>
      <c r="P59" s="147"/>
    </row>
    <row r="60" spans="1:16" s="53" customFormat="1" x14ac:dyDescent="0.25">
      <c r="A60" s="36" t="s">
        <v>5</v>
      </c>
      <c r="B60" s="147" t="s">
        <v>88</v>
      </c>
      <c r="C60" s="147"/>
      <c r="D60" s="147"/>
      <c r="E60" s="147"/>
      <c r="F60" s="147"/>
      <c r="G60" s="147"/>
      <c r="H60" s="147"/>
      <c r="I60" s="147"/>
      <c r="J60" s="147"/>
      <c r="K60" s="147"/>
      <c r="L60" s="147"/>
      <c r="M60" s="147"/>
      <c r="N60" s="147"/>
      <c r="O60" s="147"/>
      <c r="P60" s="147"/>
    </row>
    <row r="61" spans="1:16" s="49" customFormat="1" ht="12" customHeight="1" x14ac:dyDescent="0.25">
      <c r="A61" s="41" t="s">
        <v>5</v>
      </c>
      <c r="B61" s="147" t="s">
        <v>22</v>
      </c>
      <c r="C61" s="147"/>
      <c r="D61" s="147"/>
      <c r="E61" s="147"/>
      <c r="F61" s="147"/>
      <c r="G61" s="147"/>
      <c r="H61" s="147"/>
      <c r="I61" s="147"/>
      <c r="J61" s="147"/>
      <c r="K61" s="147"/>
      <c r="L61" s="147"/>
      <c r="M61" s="147"/>
      <c r="N61" s="147"/>
      <c r="O61" s="147"/>
    </row>
    <row r="62" spans="1:16" x14ac:dyDescent="0.25">
      <c r="A62" s="41"/>
      <c r="B62" s="54"/>
      <c r="C62" s="54"/>
      <c r="D62" s="54"/>
      <c r="E62" s="54"/>
      <c r="F62" s="54"/>
      <c r="G62" s="54"/>
      <c r="H62" s="54"/>
      <c r="I62" s="54"/>
      <c r="J62" s="54"/>
      <c r="K62" s="54"/>
      <c r="L62" s="54"/>
      <c r="M62" s="54"/>
      <c r="N62" s="54"/>
      <c r="O62" s="54"/>
      <c r="P62" s="54"/>
    </row>
    <row r="63" spans="1:16" ht="11.25" customHeight="1" x14ac:dyDescent="0.25">
      <c r="A63" s="137" t="s">
        <v>134</v>
      </c>
      <c r="B63" s="137"/>
      <c r="C63" s="137"/>
      <c r="D63" s="137"/>
      <c r="E63" s="137"/>
      <c r="F63" s="137"/>
      <c r="G63" s="137"/>
      <c r="H63" s="137"/>
      <c r="I63" s="137"/>
      <c r="J63" s="137"/>
      <c r="K63" s="137"/>
      <c r="L63" s="137"/>
      <c r="M63" s="137"/>
      <c r="N63" s="137"/>
      <c r="O63" s="137"/>
      <c r="P63" s="137"/>
    </row>
    <row r="64" spans="1:16" s="53" customFormat="1" x14ac:dyDescent="0.25">
      <c r="A64" s="55"/>
      <c r="B64" s="74"/>
      <c r="C64" s="74"/>
      <c r="D64" s="74"/>
      <c r="E64" s="74"/>
      <c r="F64" s="74"/>
      <c r="G64" s="74"/>
      <c r="H64" s="74"/>
      <c r="I64" s="74"/>
      <c r="J64" s="74"/>
      <c r="K64" s="74"/>
      <c r="L64" s="74"/>
      <c r="M64" s="74"/>
      <c r="N64" s="74"/>
      <c r="O64" s="74"/>
      <c r="P64" s="74"/>
    </row>
    <row r="65" spans="1:256" x14ac:dyDescent="0.25">
      <c r="A65" s="41"/>
      <c r="B65" s="82" t="s">
        <v>115</v>
      </c>
      <c r="C65" s="80"/>
      <c r="D65" s="80"/>
      <c r="E65" s="80"/>
      <c r="F65" s="80"/>
      <c r="G65" s="80"/>
      <c r="H65" s="80"/>
      <c r="I65" s="80"/>
      <c r="J65" s="80"/>
      <c r="K65" s="80"/>
      <c r="L65" s="80"/>
      <c r="M65" s="80"/>
      <c r="N65" s="80"/>
      <c r="O65" s="80"/>
      <c r="P65" s="80"/>
    </row>
    <row r="66" spans="1:256" ht="8.25" customHeight="1" x14ac:dyDescent="0.25">
      <c r="A66" s="41"/>
      <c r="B66" s="81"/>
      <c r="C66" s="80"/>
      <c r="D66" s="80"/>
      <c r="E66" s="80"/>
      <c r="F66" s="80"/>
      <c r="G66" s="80"/>
      <c r="H66" s="80"/>
      <c r="I66" s="80"/>
      <c r="J66" s="80"/>
      <c r="K66" s="80"/>
      <c r="L66" s="80"/>
      <c r="M66" s="80"/>
      <c r="N66" s="80"/>
      <c r="O66" s="80"/>
      <c r="P66" s="80"/>
    </row>
    <row r="67" spans="1:256" ht="65.25" customHeight="1" x14ac:dyDescent="0.25">
      <c r="A67" s="41"/>
      <c r="B67" s="136" t="s">
        <v>232</v>
      </c>
      <c r="C67" s="136"/>
      <c r="D67" s="136"/>
      <c r="E67" s="136"/>
      <c r="F67" s="136"/>
      <c r="G67" s="136"/>
      <c r="H67" s="136"/>
      <c r="I67" s="136"/>
      <c r="J67" s="136"/>
      <c r="K67" s="136"/>
      <c r="L67" s="136"/>
      <c r="M67" s="136"/>
      <c r="N67" s="136"/>
      <c r="O67" s="136"/>
      <c r="P67" s="136"/>
    </row>
    <row r="68" spans="1:256" s="53" customFormat="1" x14ac:dyDescent="0.25">
      <c r="A68" s="55"/>
      <c r="B68" s="57"/>
      <c r="C68" s="57"/>
      <c r="D68" s="57"/>
      <c r="E68" s="57"/>
      <c r="F68" s="57"/>
      <c r="G68" s="57"/>
      <c r="H68" s="57"/>
      <c r="I68" s="57"/>
      <c r="J68" s="57"/>
      <c r="K68" s="57"/>
      <c r="L68" s="57"/>
      <c r="M68" s="57"/>
      <c r="N68" s="57"/>
      <c r="O68" s="57"/>
      <c r="P68" s="57"/>
    </row>
    <row r="69" spans="1:256" ht="12" customHeight="1" x14ac:dyDescent="0.25">
      <c r="A69" s="137" t="s">
        <v>25</v>
      </c>
      <c r="B69" s="137"/>
      <c r="C69" s="137"/>
      <c r="D69" s="137"/>
      <c r="E69" s="137"/>
      <c r="F69" s="137"/>
      <c r="G69" s="137"/>
      <c r="H69" s="137"/>
      <c r="I69" s="137"/>
      <c r="J69" s="137"/>
      <c r="K69" s="137"/>
      <c r="L69" s="137"/>
      <c r="M69" s="137"/>
      <c r="N69" s="137"/>
      <c r="O69" s="137"/>
      <c r="P69" s="137"/>
    </row>
    <row r="71" spans="1:256" ht="29.25" customHeight="1" x14ac:dyDescent="0.25">
      <c r="B71" s="140"/>
      <c r="C71" s="140"/>
      <c r="D71" s="125" t="s">
        <v>133</v>
      </c>
      <c r="E71" s="127"/>
      <c r="F71" s="127"/>
      <c r="G71" s="127"/>
      <c r="H71" s="127"/>
      <c r="I71" s="127"/>
      <c r="J71" s="127"/>
      <c r="K71" s="127"/>
      <c r="L71" s="127"/>
      <c r="M71" s="127"/>
      <c r="N71" s="127"/>
      <c r="O71" s="127"/>
    </row>
    <row r="72" spans="1:256" x14ac:dyDescent="0.25">
      <c r="B72" s="157" t="s">
        <v>196</v>
      </c>
      <c r="C72" s="157"/>
      <c r="D72" s="111">
        <v>400</v>
      </c>
      <c r="E72" s="128"/>
      <c r="F72" s="128"/>
      <c r="G72" s="128"/>
      <c r="H72" s="128"/>
      <c r="I72" s="128"/>
      <c r="J72" s="128"/>
      <c r="K72" s="128"/>
      <c r="L72" s="128"/>
      <c r="M72" s="128"/>
      <c r="N72" s="128"/>
      <c r="O72" s="128"/>
    </row>
    <row r="73" spans="1:256" x14ac:dyDescent="0.25">
      <c r="D73" s="62"/>
    </row>
    <row r="74" spans="1:256" s="49" customFormat="1" ht="12" customHeight="1" x14ac:dyDescent="0.25">
      <c r="A74" s="137" t="s">
        <v>138</v>
      </c>
      <c r="B74" s="137"/>
      <c r="C74" s="137"/>
      <c r="D74" s="137"/>
      <c r="E74" s="137"/>
      <c r="F74" s="137"/>
      <c r="G74" s="137"/>
      <c r="H74" s="137"/>
      <c r="I74" s="137"/>
      <c r="J74" s="137"/>
      <c r="K74" s="137"/>
      <c r="L74" s="137"/>
      <c r="M74" s="137"/>
      <c r="N74" s="137"/>
      <c r="O74" s="137"/>
      <c r="P74" s="137"/>
      <c r="Q74" s="156" t="s">
        <v>27</v>
      </c>
      <c r="R74" s="156"/>
      <c r="S74" s="156"/>
      <c r="T74" s="156"/>
      <c r="U74" s="156"/>
      <c r="V74" s="156"/>
      <c r="W74" s="156"/>
      <c r="X74" s="156"/>
      <c r="Y74" s="156"/>
      <c r="Z74" s="156"/>
      <c r="AA74" s="156"/>
      <c r="AB74" s="156"/>
      <c r="AC74" s="156"/>
      <c r="AD74" s="156"/>
      <c r="AE74" s="156"/>
      <c r="AF74" s="156"/>
      <c r="AG74" s="156" t="s">
        <v>27</v>
      </c>
      <c r="AH74" s="156"/>
      <c r="AI74" s="156"/>
      <c r="AJ74" s="156"/>
      <c r="AK74" s="156"/>
      <c r="AL74" s="156"/>
      <c r="AM74" s="156"/>
      <c r="AN74" s="156"/>
      <c r="AO74" s="156"/>
      <c r="AP74" s="156"/>
      <c r="AQ74" s="156"/>
      <c r="AR74" s="156"/>
      <c r="AS74" s="156"/>
      <c r="AT74" s="156"/>
      <c r="AU74" s="156"/>
      <c r="AV74" s="156"/>
      <c r="AW74" s="156" t="s">
        <v>27</v>
      </c>
      <c r="AX74" s="156"/>
      <c r="AY74" s="156"/>
      <c r="AZ74" s="156"/>
      <c r="BA74" s="156"/>
      <c r="BB74" s="156"/>
      <c r="BC74" s="156"/>
      <c r="BD74" s="156"/>
      <c r="BE74" s="156"/>
      <c r="BF74" s="156"/>
      <c r="BG74" s="156"/>
      <c r="BH74" s="156"/>
      <c r="BI74" s="156"/>
      <c r="BJ74" s="156"/>
      <c r="BK74" s="156"/>
      <c r="BL74" s="156"/>
      <c r="BM74" s="156" t="s">
        <v>27</v>
      </c>
      <c r="BN74" s="156"/>
      <c r="BO74" s="156"/>
      <c r="BP74" s="156"/>
      <c r="BQ74" s="156"/>
      <c r="BR74" s="156"/>
      <c r="BS74" s="156"/>
      <c r="BT74" s="156"/>
      <c r="BU74" s="156"/>
      <c r="BV74" s="156"/>
      <c r="BW74" s="156"/>
      <c r="BX74" s="156"/>
      <c r="BY74" s="156"/>
      <c r="BZ74" s="156"/>
      <c r="CA74" s="156"/>
      <c r="CB74" s="156"/>
      <c r="CC74" s="156" t="s">
        <v>27</v>
      </c>
      <c r="CD74" s="156"/>
      <c r="CE74" s="156"/>
      <c r="CF74" s="156"/>
      <c r="CG74" s="156"/>
      <c r="CH74" s="156"/>
      <c r="CI74" s="156"/>
      <c r="CJ74" s="156"/>
      <c r="CK74" s="156"/>
      <c r="CL74" s="156"/>
      <c r="CM74" s="156"/>
      <c r="CN74" s="156"/>
      <c r="CO74" s="156"/>
      <c r="CP74" s="156"/>
      <c r="CQ74" s="156"/>
      <c r="CR74" s="156"/>
      <c r="CS74" s="156" t="s">
        <v>27</v>
      </c>
      <c r="CT74" s="156"/>
      <c r="CU74" s="156"/>
      <c r="CV74" s="156"/>
      <c r="CW74" s="156"/>
      <c r="CX74" s="156"/>
      <c r="CY74" s="156"/>
      <c r="CZ74" s="156"/>
      <c r="DA74" s="156"/>
      <c r="DB74" s="156"/>
      <c r="DC74" s="156"/>
      <c r="DD74" s="156"/>
      <c r="DE74" s="156"/>
      <c r="DF74" s="156"/>
      <c r="DG74" s="156"/>
      <c r="DH74" s="156"/>
      <c r="DI74" s="156" t="s">
        <v>27</v>
      </c>
      <c r="DJ74" s="156"/>
      <c r="DK74" s="156"/>
      <c r="DL74" s="156"/>
      <c r="DM74" s="156"/>
      <c r="DN74" s="156"/>
      <c r="DO74" s="156"/>
      <c r="DP74" s="156"/>
      <c r="DQ74" s="156"/>
      <c r="DR74" s="156"/>
      <c r="DS74" s="156"/>
      <c r="DT74" s="156"/>
      <c r="DU74" s="156"/>
      <c r="DV74" s="156"/>
      <c r="DW74" s="156"/>
      <c r="DX74" s="156"/>
      <c r="DY74" s="156" t="s">
        <v>27</v>
      </c>
      <c r="DZ74" s="156"/>
      <c r="EA74" s="156"/>
      <c r="EB74" s="156"/>
      <c r="EC74" s="156"/>
      <c r="ED74" s="156"/>
      <c r="EE74" s="156"/>
      <c r="EF74" s="156"/>
      <c r="EG74" s="156"/>
      <c r="EH74" s="156"/>
      <c r="EI74" s="156"/>
      <c r="EJ74" s="156"/>
      <c r="EK74" s="156"/>
      <c r="EL74" s="156"/>
      <c r="EM74" s="156"/>
      <c r="EN74" s="156"/>
      <c r="EO74" s="156" t="s">
        <v>27</v>
      </c>
      <c r="EP74" s="156"/>
      <c r="EQ74" s="156"/>
      <c r="ER74" s="156"/>
      <c r="ES74" s="156"/>
      <c r="ET74" s="156"/>
      <c r="EU74" s="156"/>
      <c r="EV74" s="156"/>
      <c r="EW74" s="156"/>
      <c r="EX74" s="156"/>
      <c r="EY74" s="156"/>
      <c r="EZ74" s="156"/>
      <c r="FA74" s="156"/>
      <c r="FB74" s="156"/>
      <c r="FC74" s="156"/>
      <c r="FD74" s="156"/>
      <c r="FE74" s="156" t="s">
        <v>27</v>
      </c>
      <c r="FF74" s="156"/>
      <c r="FG74" s="156"/>
      <c r="FH74" s="156"/>
      <c r="FI74" s="156"/>
      <c r="FJ74" s="156"/>
      <c r="FK74" s="156"/>
      <c r="FL74" s="156"/>
      <c r="FM74" s="156"/>
      <c r="FN74" s="156"/>
      <c r="FO74" s="156"/>
      <c r="FP74" s="156"/>
      <c r="FQ74" s="156"/>
      <c r="FR74" s="156"/>
      <c r="FS74" s="156"/>
      <c r="FT74" s="156"/>
      <c r="FU74" s="156" t="s">
        <v>27</v>
      </c>
      <c r="FV74" s="156"/>
      <c r="FW74" s="156"/>
      <c r="FX74" s="156"/>
      <c r="FY74" s="156"/>
      <c r="FZ74" s="156"/>
      <c r="GA74" s="156"/>
      <c r="GB74" s="156"/>
      <c r="GC74" s="156"/>
      <c r="GD74" s="156"/>
      <c r="GE74" s="156"/>
      <c r="GF74" s="156"/>
      <c r="GG74" s="156"/>
      <c r="GH74" s="156"/>
      <c r="GI74" s="156"/>
      <c r="GJ74" s="156"/>
      <c r="GK74" s="156" t="s">
        <v>27</v>
      </c>
      <c r="GL74" s="156"/>
      <c r="GM74" s="156"/>
      <c r="GN74" s="156"/>
      <c r="GO74" s="156"/>
      <c r="GP74" s="156"/>
      <c r="GQ74" s="156"/>
      <c r="GR74" s="156"/>
      <c r="GS74" s="156"/>
      <c r="GT74" s="156"/>
      <c r="GU74" s="156"/>
      <c r="GV74" s="156"/>
      <c r="GW74" s="156"/>
      <c r="GX74" s="156"/>
      <c r="GY74" s="156"/>
      <c r="GZ74" s="156"/>
      <c r="HA74" s="156" t="s">
        <v>27</v>
      </c>
      <c r="HB74" s="156"/>
      <c r="HC74" s="156"/>
      <c r="HD74" s="156"/>
      <c r="HE74" s="156"/>
      <c r="HF74" s="156"/>
      <c r="HG74" s="156"/>
      <c r="HH74" s="156"/>
      <c r="HI74" s="156"/>
      <c r="HJ74" s="156"/>
      <c r="HK74" s="156"/>
      <c r="HL74" s="156"/>
      <c r="HM74" s="156"/>
      <c r="HN74" s="156"/>
      <c r="HO74" s="156"/>
      <c r="HP74" s="156"/>
      <c r="HQ74" s="156" t="s">
        <v>27</v>
      </c>
      <c r="HR74" s="156"/>
      <c r="HS74" s="156"/>
      <c r="HT74" s="156"/>
      <c r="HU74" s="156"/>
      <c r="HV74" s="156"/>
      <c r="HW74" s="156"/>
      <c r="HX74" s="156"/>
      <c r="HY74" s="156"/>
      <c r="HZ74" s="156"/>
      <c r="IA74" s="156"/>
      <c r="IB74" s="156"/>
      <c r="IC74" s="156"/>
      <c r="ID74" s="156"/>
      <c r="IE74" s="156"/>
      <c r="IF74" s="156"/>
      <c r="IG74" s="156" t="s">
        <v>27</v>
      </c>
      <c r="IH74" s="156"/>
      <c r="II74" s="156"/>
      <c r="IJ74" s="156"/>
      <c r="IK74" s="156"/>
      <c r="IL74" s="156"/>
      <c r="IM74" s="156"/>
      <c r="IN74" s="156"/>
      <c r="IO74" s="156"/>
      <c r="IP74" s="156"/>
      <c r="IQ74" s="156"/>
      <c r="IR74" s="156"/>
      <c r="IS74" s="156"/>
      <c r="IT74" s="156"/>
      <c r="IU74" s="156"/>
      <c r="IV74" s="156"/>
    </row>
    <row r="75" spans="1:256" x14ac:dyDescent="0.25">
      <c r="A75" s="26" t="s">
        <v>5</v>
      </c>
      <c r="B75" s="91" t="s">
        <v>191</v>
      </c>
      <c r="D75" s="92">
        <v>0.15</v>
      </c>
    </row>
    <row r="76" spans="1:256" x14ac:dyDescent="0.25">
      <c r="B76" s="75"/>
      <c r="C76" s="99"/>
      <c r="D76" s="100"/>
      <c r="E76" s="100"/>
      <c r="F76" s="100"/>
      <c r="G76" s="100"/>
      <c r="H76" s="100"/>
      <c r="I76" s="100"/>
      <c r="J76" s="100"/>
      <c r="K76" s="100"/>
      <c r="L76" s="100"/>
      <c r="M76" s="100"/>
      <c r="N76" s="100"/>
      <c r="O76" s="100"/>
    </row>
    <row r="77" spans="1:256" x14ac:dyDescent="0.25">
      <c r="C77" s="101"/>
      <c r="D77" s="102"/>
      <c r="E77" s="102"/>
      <c r="F77" s="102"/>
      <c r="G77" s="102"/>
      <c r="H77" s="102"/>
      <c r="I77" s="102"/>
      <c r="J77" s="102"/>
      <c r="K77" s="102"/>
      <c r="L77" s="102"/>
      <c r="M77" s="102"/>
      <c r="N77" s="102"/>
      <c r="O77" s="102"/>
    </row>
    <row r="78" spans="1:256" x14ac:dyDescent="0.25">
      <c r="D78" s="61"/>
      <c r="E78" s="61"/>
      <c r="F78" s="61"/>
      <c r="G78" s="61"/>
      <c r="H78" s="61"/>
      <c r="I78" s="61"/>
      <c r="J78" s="61"/>
      <c r="K78" s="61"/>
      <c r="L78" s="61"/>
      <c r="M78" s="61"/>
      <c r="N78" s="61"/>
      <c r="O78" s="61"/>
    </row>
    <row r="79" spans="1:256" x14ac:dyDescent="0.25">
      <c r="D79" s="61"/>
      <c r="E79" s="61"/>
    </row>
    <row r="80" spans="1:256" x14ac:dyDescent="0.25">
      <c r="D80" s="62"/>
    </row>
    <row r="162" spans="1:256" s="26" customFormat="1" x14ac:dyDescent="0.25">
      <c r="A162" s="63"/>
      <c r="B162" s="63"/>
      <c r="C162" s="63"/>
      <c r="D162" s="63"/>
      <c r="E162" s="63"/>
      <c r="F162" s="63"/>
      <c r="G162" s="63"/>
      <c r="H162" s="63"/>
      <c r="I162" s="63"/>
      <c r="K162" s="28"/>
      <c r="L162" s="28"/>
      <c r="M162" s="28"/>
      <c r="N162" s="28"/>
      <c r="O162" s="28"/>
      <c r="P162" s="28"/>
      <c r="Q162" s="28"/>
      <c r="R162" s="28"/>
      <c r="S162" s="28"/>
      <c r="T162" s="28"/>
      <c r="U162" s="28"/>
      <c r="V162" s="28"/>
      <c r="W162" s="28"/>
      <c r="X162" s="28"/>
      <c r="Y162" s="28"/>
      <c r="Z162" s="28"/>
      <c r="AA162" s="28"/>
      <c r="AB162" s="28"/>
      <c r="AC162" s="28"/>
      <c r="AD162" s="28"/>
      <c r="AE162" s="28"/>
      <c r="AF162" s="28"/>
      <c r="AG162" s="28"/>
      <c r="AH162" s="28"/>
      <c r="AI162" s="28"/>
      <c r="AJ162" s="28"/>
      <c r="AK162" s="28"/>
      <c r="AL162" s="28"/>
      <c r="AM162" s="28"/>
      <c r="AN162" s="28"/>
      <c r="AO162" s="28"/>
      <c r="AP162" s="28"/>
      <c r="AQ162" s="28"/>
      <c r="AR162" s="28"/>
      <c r="AS162" s="28"/>
      <c r="AT162" s="28"/>
      <c r="AU162" s="28"/>
      <c r="AV162" s="28"/>
      <c r="AW162" s="28"/>
      <c r="AX162" s="28"/>
      <c r="AY162" s="28"/>
      <c r="AZ162" s="28"/>
      <c r="BA162" s="28"/>
      <c r="BB162" s="28"/>
      <c r="BC162" s="28"/>
      <c r="BD162" s="28"/>
      <c r="BE162" s="28"/>
      <c r="BF162" s="28"/>
      <c r="BG162" s="28"/>
      <c r="BH162" s="28"/>
      <c r="BI162" s="28"/>
      <c r="BJ162" s="28"/>
      <c r="BK162" s="28"/>
      <c r="BL162" s="28"/>
      <c r="BM162" s="28"/>
      <c r="BN162" s="28"/>
      <c r="BO162" s="28"/>
      <c r="BP162" s="28"/>
      <c r="BQ162" s="28"/>
      <c r="BR162" s="28"/>
      <c r="BS162" s="28"/>
      <c r="BT162" s="28"/>
      <c r="BU162" s="28"/>
      <c r="BV162" s="28"/>
      <c r="BW162" s="28"/>
      <c r="BX162" s="28"/>
      <c r="BY162" s="28"/>
      <c r="BZ162" s="28"/>
      <c r="CA162" s="28"/>
      <c r="CB162" s="28"/>
      <c r="CC162" s="28"/>
      <c r="CD162" s="28"/>
      <c r="CE162" s="28"/>
      <c r="CF162" s="28"/>
      <c r="CG162" s="28"/>
      <c r="CH162" s="28"/>
      <c r="CI162" s="28"/>
      <c r="CJ162" s="28"/>
      <c r="CK162" s="28"/>
      <c r="CL162" s="28"/>
      <c r="CM162" s="28"/>
      <c r="CN162" s="28"/>
      <c r="CO162" s="28"/>
      <c r="CP162" s="28"/>
      <c r="CQ162" s="28"/>
      <c r="CR162" s="28"/>
      <c r="CS162" s="28"/>
      <c r="CT162" s="28"/>
      <c r="CU162" s="28"/>
      <c r="CV162" s="28"/>
      <c r="CW162" s="28"/>
      <c r="CX162" s="28"/>
      <c r="CY162" s="28"/>
      <c r="CZ162" s="28"/>
      <c r="DA162" s="28"/>
      <c r="DB162" s="28"/>
      <c r="DC162" s="28"/>
      <c r="DD162" s="28"/>
      <c r="DE162" s="28"/>
      <c r="DF162" s="28"/>
      <c r="DG162" s="28"/>
      <c r="DH162" s="28"/>
      <c r="DI162" s="28"/>
      <c r="DJ162" s="28"/>
      <c r="DK162" s="28"/>
      <c r="DL162" s="28"/>
      <c r="DM162" s="28"/>
      <c r="DN162" s="28"/>
      <c r="DO162" s="28"/>
      <c r="DP162" s="28"/>
      <c r="DQ162" s="28"/>
      <c r="DR162" s="28"/>
      <c r="DS162" s="28"/>
      <c r="DT162" s="28"/>
      <c r="DU162" s="28"/>
      <c r="DV162" s="28"/>
      <c r="DW162" s="28"/>
      <c r="DX162" s="28"/>
      <c r="DY162" s="28"/>
      <c r="DZ162" s="28"/>
      <c r="EA162" s="28"/>
      <c r="EB162" s="28"/>
      <c r="EC162" s="28"/>
      <c r="ED162" s="28"/>
      <c r="EE162" s="28"/>
      <c r="EF162" s="28"/>
      <c r="EG162" s="28"/>
      <c r="EH162" s="28"/>
      <c r="EI162" s="28"/>
      <c r="EJ162" s="28"/>
      <c r="EK162" s="28"/>
      <c r="EL162" s="28"/>
      <c r="EM162" s="28"/>
      <c r="EN162" s="28"/>
      <c r="EO162" s="28"/>
      <c r="EP162" s="28"/>
      <c r="EQ162" s="28"/>
      <c r="ER162" s="28"/>
      <c r="ES162" s="28"/>
      <c r="ET162" s="28"/>
      <c r="EU162" s="28"/>
      <c r="EV162" s="28"/>
      <c r="EW162" s="28"/>
      <c r="EX162" s="28"/>
      <c r="EY162" s="28"/>
      <c r="EZ162" s="28"/>
      <c r="FA162" s="28"/>
      <c r="FB162" s="28"/>
      <c r="FC162" s="28"/>
      <c r="FD162" s="28"/>
      <c r="FE162" s="28"/>
      <c r="FF162" s="28"/>
      <c r="FG162" s="28"/>
      <c r="FH162" s="28"/>
      <c r="FI162" s="28"/>
      <c r="FJ162" s="28"/>
      <c r="FK162" s="28"/>
      <c r="FL162" s="28"/>
      <c r="FM162" s="28"/>
      <c r="FN162" s="28"/>
      <c r="FO162" s="28"/>
      <c r="FP162" s="28"/>
      <c r="FQ162" s="28"/>
      <c r="FR162" s="28"/>
      <c r="FS162" s="28"/>
      <c r="FT162" s="28"/>
      <c r="FU162" s="28"/>
      <c r="FV162" s="28"/>
      <c r="FW162" s="28"/>
      <c r="FX162" s="28"/>
      <c r="FY162" s="28"/>
      <c r="FZ162" s="28"/>
      <c r="GA162" s="28"/>
      <c r="GB162" s="28"/>
      <c r="GC162" s="28"/>
      <c r="GD162" s="28"/>
      <c r="GE162" s="28"/>
      <c r="GF162" s="28"/>
      <c r="GG162" s="28"/>
      <c r="GH162" s="28"/>
      <c r="GI162" s="28"/>
      <c r="GJ162" s="28"/>
      <c r="GK162" s="28"/>
      <c r="GL162" s="28"/>
      <c r="GM162" s="28"/>
      <c r="GN162" s="28"/>
      <c r="GO162" s="28"/>
      <c r="GP162" s="28"/>
      <c r="GQ162" s="28"/>
      <c r="GR162" s="28"/>
      <c r="GS162" s="28"/>
      <c r="GT162" s="28"/>
      <c r="GU162" s="28"/>
      <c r="GV162" s="28"/>
      <c r="GW162" s="28"/>
      <c r="GX162" s="28"/>
      <c r="GY162" s="28"/>
      <c r="GZ162" s="28"/>
      <c r="HA162" s="28"/>
      <c r="HB162" s="28"/>
      <c r="HC162" s="28"/>
      <c r="HD162" s="28"/>
      <c r="HE162" s="28"/>
      <c r="HF162" s="28"/>
      <c r="HG162" s="28"/>
      <c r="HH162" s="28"/>
      <c r="HI162" s="28"/>
      <c r="HJ162" s="28"/>
      <c r="HK162" s="28"/>
      <c r="HL162" s="28"/>
      <c r="HM162" s="28"/>
      <c r="HN162" s="28"/>
      <c r="HO162" s="28"/>
      <c r="HP162" s="28"/>
      <c r="HQ162" s="28"/>
      <c r="HR162" s="28"/>
      <c r="HS162" s="28"/>
      <c r="HT162" s="28"/>
      <c r="HU162" s="28"/>
      <c r="HV162" s="28"/>
      <c r="HW162" s="28"/>
      <c r="HX162" s="28"/>
      <c r="HY162" s="28"/>
      <c r="HZ162" s="28"/>
      <c r="IA162" s="28"/>
      <c r="IB162" s="28"/>
      <c r="IC162" s="28"/>
      <c r="ID162" s="28"/>
      <c r="IE162" s="28"/>
      <c r="IF162" s="28"/>
      <c r="IG162" s="28"/>
      <c r="IH162" s="28"/>
      <c r="II162" s="28"/>
      <c r="IJ162" s="28"/>
      <c r="IK162" s="28"/>
      <c r="IL162" s="28"/>
      <c r="IM162" s="28"/>
      <c r="IN162" s="28"/>
      <c r="IO162" s="28"/>
      <c r="IP162" s="28"/>
      <c r="IQ162" s="28"/>
      <c r="IR162" s="28"/>
      <c r="IS162" s="28"/>
      <c r="IT162" s="28"/>
      <c r="IU162" s="28"/>
      <c r="IV162" s="28"/>
    </row>
  </sheetData>
  <mergeCells count="55">
    <mergeCell ref="CC74:CR74"/>
    <mergeCell ref="GK74:GZ74"/>
    <mergeCell ref="HA74:HP74"/>
    <mergeCell ref="HQ74:IF74"/>
    <mergeCell ref="IG74:IV74"/>
    <mergeCell ref="CS74:DH74"/>
    <mergeCell ref="DI74:DX74"/>
    <mergeCell ref="DY74:EN74"/>
    <mergeCell ref="EO74:FD74"/>
    <mergeCell ref="FE74:FT74"/>
    <mergeCell ref="FU74:GJ74"/>
    <mergeCell ref="A74:P74"/>
    <mergeCell ref="Q74:AF74"/>
    <mergeCell ref="AG74:AV74"/>
    <mergeCell ref="AW74:BL74"/>
    <mergeCell ref="BM74:CB74"/>
    <mergeCell ref="A69:P69"/>
    <mergeCell ref="B71:C71"/>
    <mergeCell ref="B72:C72"/>
    <mergeCell ref="B67:P67"/>
    <mergeCell ref="B54:P54"/>
    <mergeCell ref="B60:P60"/>
    <mergeCell ref="B61:O61"/>
    <mergeCell ref="A63:P63"/>
    <mergeCell ref="B59:P59"/>
    <mergeCell ref="B21:M21"/>
    <mergeCell ref="B55:P55"/>
    <mergeCell ref="B58:P58"/>
    <mergeCell ref="B57:P57"/>
    <mergeCell ref="B56:P56"/>
    <mergeCell ref="B33:M33"/>
    <mergeCell ref="B36:P36"/>
    <mergeCell ref="B52:P52"/>
    <mergeCell ref="B53:P53"/>
    <mergeCell ref="A24:P24"/>
    <mergeCell ref="B28:M28"/>
    <mergeCell ref="B29:M29"/>
    <mergeCell ref="B38:P38"/>
    <mergeCell ref="B49:P49"/>
    <mergeCell ref="B50:P50"/>
    <mergeCell ref="B34:P34"/>
    <mergeCell ref="A4:P4"/>
    <mergeCell ref="A9:P9"/>
    <mergeCell ref="B12:M12"/>
    <mergeCell ref="B17:L17"/>
    <mergeCell ref="B20:M20"/>
    <mergeCell ref="B51:P51"/>
    <mergeCell ref="A32:P32"/>
    <mergeCell ref="B35:P35"/>
    <mergeCell ref="B37:P37"/>
    <mergeCell ref="B45:P45"/>
    <mergeCell ref="B39:P39"/>
    <mergeCell ref="B44:P44"/>
    <mergeCell ref="A47:P47"/>
    <mergeCell ref="B48:P48"/>
  </mergeCells>
  <printOptions horizontalCentered="1" verticalCentered="1"/>
  <pageMargins left="0.78740157480314965" right="0.78740157480314965" top="0.15748031496062992" bottom="0.51181102362204722" header="0" footer="0"/>
  <pageSetup paperSize="9" scale="66"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8">
    <pageSetUpPr fitToPage="1"/>
  </sheetPr>
  <dimension ref="A3:IV163"/>
  <sheetViews>
    <sheetView showGridLines="0" workbookViewId="0">
      <selection activeCell="D71" sqref="D71"/>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58</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50" t="s">
        <v>73</v>
      </c>
      <c r="C12" s="150"/>
      <c r="D12" s="150"/>
      <c r="E12" s="150"/>
      <c r="F12" s="150"/>
      <c r="G12" s="150"/>
      <c r="H12" s="150"/>
      <c r="I12" s="150"/>
      <c r="J12" s="150"/>
      <c r="K12" s="150"/>
      <c r="L12" s="150"/>
      <c r="M12" s="150"/>
      <c r="O12" s="42">
        <v>20000</v>
      </c>
      <c r="P12" s="43" t="s">
        <v>9</v>
      </c>
    </row>
    <row r="13" spans="1:16" x14ac:dyDescent="0.25">
      <c r="A13" s="26" t="s">
        <v>5</v>
      </c>
      <c r="B13" s="75" t="s">
        <v>72</v>
      </c>
      <c r="I13" s="28"/>
      <c r="J13" s="28"/>
      <c r="O13" s="40"/>
      <c r="P13" s="26"/>
    </row>
    <row r="14" spans="1:16" x14ac:dyDescent="0.25">
      <c r="B14" s="44" t="s">
        <v>10</v>
      </c>
      <c r="I14" s="28"/>
      <c r="J14" s="28"/>
      <c r="O14" s="40">
        <v>20000</v>
      </c>
      <c r="P14" s="75" t="s">
        <v>9</v>
      </c>
    </row>
    <row r="15" spans="1:16" x14ac:dyDescent="0.25">
      <c r="B15" s="44" t="s">
        <v>11</v>
      </c>
      <c r="I15" s="28"/>
      <c r="J15" s="28"/>
      <c r="O15" s="40">
        <v>20000</v>
      </c>
      <c r="P15" s="75" t="s">
        <v>9</v>
      </c>
    </row>
    <row r="16" spans="1:16" x14ac:dyDescent="0.25">
      <c r="B16" s="44" t="s">
        <v>12</v>
      </c>
      <c r="I16" s="28"/>
      <c r="J16" s="28"/>
      <c r="O16" s="40">
        <v>4000</v>
      </c>
      <c r="P16" s="75" t="s">
        <v>9</v>
      </c>
    </row>
    <row r="17" spans="1:16" ht="12" customHeight="1" x14ac:dyDescent="0.25">
      <c r="A17" s="41" t="s">
        <v>5</v>
      </c>
      <c r="B17" s="138" t="s">
        <v>13</v>
      </c>
      <c r="C17" s="138"/>
      <c r="D17" s="138"/>
      <c r="E17" s="138"/>
      <c r="F17" s="138"/>
      <c r="G17" s="138"/>
      <c r="H17" s="138"/>
      <c r="I17" s="138"/>
      <c r="J17" s="138"/>
      <c r="K17" s="138"/>
      <c r="L17" s="138"/>
      <c r="O17" s="40">
        <v>1000</v>
      </c>
    </row>
    <row r="18" spans="1:16" x14ac:dyDescent="0.25">
      <c r="A18" s="26" t="s">
        <v>5</v>
      </c>
      <c r="B18" s="75" t="s">
        <v>14</v>
      </c>
      <c r="I18" s="28"/>
      <c r="O18" s="36" t="s">
        <v>7</v>
      </c>
    </row>
    <row r="19" spans="1:16" x14ac:dyDescent="0.25">
      <c r="A19" s="26" t="s">
        <v>5</v>
      </c>
      <c r="B19" s="75" t="s">
        <v>15</v>
      </c>
      <c r="I19" s="28"/>
      <c r="O19" s="36" t="s">
        <v>7</v>
      </c>
    </row>
    <row r="20" spans="1:16" x14ac:dyDescent="0.25">
      <c r="A20" s="26" t="s">
        <v>5</v>
      </c>
      <c r="B20" s="141" t="s">
        <v>34</v>
      </c>
      <c r="C20" s="141"/>
      <c r="D20" s="141"/>
      <c r="E20" s="141"/>
      <c r="F20" s="141"/>
      <c r="G20" s="141"/>
      <c r="H20" s="141"/>
      <c r="I20" s="141"/>
      <c r="J20" s="141"/>
      <c r="K20" s="141"/>
      <c r="L20" s="141"/>
      <c r="M20" s="141"/>
      <c r="O20" s="36" t="s">
        <v>7</v>
      </c>
    </row>
    <row r="21" spans="1:16" x14ac:dyDescent="0.25">
      <c r="A21" s="41" t="s">
        <v>5</v>
      </c>
      <c r="B21" s="134" t="s">
        <v>91</v>
      </c>
      <c r="C21" s="134"/>
      <c r="D21" s="134"/>
      <c r="E21" s="134"/>
      <c r="F21" s="134"/>
      <c r="G21" s="134"/>
      <c r="H21" s="134"/>
      <c r="I21" s="134"/>
      <c r="J21" s="134"/>
      <c r="K21" s="134"/>
      <c r="L21" s="134"/>
      <c r="M21" s="134"/>
      <c r="N21" s="46"/>
      <c r="O21" s="42">
        <v>50000</v>
      </c>
    </row>
    <row r="22" spans="1:16" x14ac:dyDescent="0.25">
      <c r="A22" s="26" t="s">
        <v>5</v>
      </c>
      <c r="B22" s="75" t="s">
        <v>16</v>
      </c>
      <c r="I22" s="28"/>
      <c r="O22" s="36" t="s">
        <v>7</v>
      </c>
    </row>
    <row r="24" spans="1:16" ht="12" customHeight="1" x14ac:dyDescent="0.25">
      <c r="A24" s="137" t="s">
        <v>17</v>
      </c>
      <c r="B24" s="137"/>
      <c r="C24" s="137"/>
      <c r="D24" s="137"/>
      <c r="E24" s="137"/>
      <c r="F24" s="137"/>
      <c r="G24" s="137"/>
      <c r="H24" s="137"/>
      <c r="I24" s="137"/>
      <c r="J24" s="137"/>
      <c r="K24" s="137"/>
      <c r="L24" s="137"/>
      <c r="M24" s="137"/>
      <c r="N24" s="137"/>
      <c r="O24" s="137"/>
      <c r="P24" s="137"/>
    </row>
    <row r="25" spans="1:16" x14ac:dyDescent="0.25">
      <c r="A25" s="26" t="s">
        <v>5</v>
      </c>
      <c r="B25" s="75" t="s">
        <v>18</v>
      </c>
      <c r="I25" s="28"/>
      <c r="O25" s="47">
        <v>500</v>
      </c>
    </row>
    <row r="26" spans="1:16" x14ac:dyDescent="0.25">
      <c r="A26" s="26" t="s">
        <v>5</v>
      </c>
      <c r="B26" s="75" t="s">
        <v>19</v>
      </c>
      <c r="I26" s="28"/>
      <c r="O26" s="47">
        <v>500</v>
      </c>
    </row>
    <row r="27" spans="1:16" x14ac:dyDescent="0.25">
      <c r="A27" s="26" t="s">
        <v>5</v>
      </c>
      <c r="B27" s="75" t="s">
        <v>159</v>
      </c>
      <c r="I27" s="28"/>
      <c r="O27" s="47" t="s">
        <v>160</v>
      </c>
    </row>
    <row r="28" spans="1:16" x14ac:dyDescent="0.25">
      <c r="A28" s="41" t="s">
        <v>5</v>
      </c>
      <c r="B28" s="152" t="s">
        <v>127</v>
      </c>
      <c r="C28" s="152"/>
      <c r="D28" s="152"/>
      <c r="E28" s="152"/>
      <c r="F28" s="152"/>
      <c r="G28" s="152"/>
      <c r="H28" s="152"/>
      <c r="I28" s="152"/>
      <c r="J28" s="152"/>
      <c r="K28" s="152"/>
      <c r="L28" s="152"/>
      <c r="M28" s="152"/>
      <c r="N28" s="76"/>
      <c r="O28" s="73" t="s">
        <v>82</v>
      </c>
      <c r="P28" s="76"/>
    </row>
    <row r="29" spans="1:16" ht="12" customHeight="1" x14ac:dyDescent="0.25">
      <c r="A29" s="41" t="s">
        <v>5</v>
      </c>
      <c r="B29" s="148" t="s">
        <v>128</v>
      </c>
      <c r="C29" s="148"/>
      <c r="D29" s="148"/>
      <c r="E29" s="148"/>
      <c r="F29" s="148"/>
      <c r="G29" s="148"/>
      <c r="H29" s="148"/>
      <c r="I29" s="148"/>
      <c r="J29" s="148"/>
      <c r="K29" s="148"/>
      <c r="L29" s="148"/>
      <c r="M29" s="148"/>
      <c r="N29" s="84"/>
      <c r="O29" s="73" t="s">
        <v>82</v>
      </c>
      <c r="P29" s="84"/>
    </row>
    <row r="30" spans="1:16" x14ac:dyDescent="0.25">
      <c r="A30" s="36"/>
      <c r="B30" s="68" t="s">
        <v>280</v>
      </c>
      <c r="C30" s="50"/>
      <c r="D30" s="50"/>
      <c r="E30" s="50"/>
      <c r="F30" s="50"/>
      <c r="G30" s="50"/>
      <c r="H30" s="50"/>
      <c r="I30" s="49"/>
      <c r="J30" s="50"/>
      <c r="K30" s="49"/>
      <c r="L30" s="49"/>
      <c r="M30" s="49"/>
      <c r="N30" s="76"/>
      <c r="O30" s="76"/>
      <c r="P30" s="76"/>
    </row>
    <row r="31" spans="1:16" x14ac:dyDescent="0.25">
      <c r="I31" s="48"/>
    </row>
    <row r="32" spans="1:16" ht="12" customHeight="1" x14ac:dyDescent="0.25">
      <c r="A32" s="137" t="s">
        <v>20</v>
      </c>
      <c r="B32" s="137"/>
      <c r="C32" s="137"/>
      <c r="D32" s="137"/>
      <c r="E32" s="137"/>
      <c r="F32" s="137"/>
      <c r="G32" s="137"/>
      <c r="H32" s="137"/>
      <c r="I32" s="137"/>
      <c r="J32" s="137"/>
      <c r="K32" s="137"/>
      <c r="L32" s="137"/>
      <c r="M32" s="137"/>
      <c r="N32" s="137"/>
      <c r="O32" s="137"/>
      <c r="P32" s="137"/>
    </row>
    <row r="33" spans="1:16" ht="12" customHeight="1" x14ac:dyDescent="0.25">
      <c r="A33" s="26" t="s">
        <v>5</v>
      </c>
      <c r="B33" s="138" t="s">
        <v>87</v>
      </c>
      <c r="C33" s="138"/>
      <c r="D33" s="138"/>
      <c r="E33" s="138"/>
      <c r="F33" s="138"/>
      <c r="G33" s="138"/>
      <c r="H33" s="138"/>
      <c r="I33" s="138"/>
      <c r="J33" s="138"/>
      <c r="K33" s="138"/>
      <c r="L33" s="138"/>
      <c r="M33" s="138"/>
      <c r="N33" s="113"/>
    </row>
    <row r="34" spans="1:16" ht="12" customHeight="1" x14ac:dyDescent="0.25">
      <c r="A34" s="26" t="s">
        <v>5</v>
      </c>
      <c r="B34" s="138" t="s">
        <v>222</v>
      </c>
      <c r="C34" s="138"/>
      <c r="D34" s="138"/>
      <c r="E34" s="138"/>
      <c r="F34" s="138"/>
      <c r="G34" s="138"/>
      <c r="H34" s="138"/>
      <c r="I34" s="138"/>
      <c r="J34" s="138"/>
      <c r="K34" s="138"/>
      <c r="L34" s="138"/>
      <c r="M34" s="138"/>
      <c r="N34" s="138"/>
      <c r="O34" s="138"/>
      <c r="P34" s="138"/>
    </row>
    <row r="35" spans="1:16" x14ac:dyDescent="0.25">
      <c r="A35" s="26" t="s">
        <v>5</v>
      </c>
      <c r="B35" s="138" t="s">
        <v>223</v>
      </c>
      <c r="C35" s="138"/>
      <c r="D35" s="138"/>
      <c r="E35" s="138"/>
      <c r="F35" s="138"/>
      <c r="G35" s="138"/>
      <c r="H35" s="138"/>
      <c r="I35" s="138"/>
      <c r="J35" s="138"/>
      <c r="K35" s="138"/>
      <c r="L35" s="138"/>
      <c r="M35" s="138"/>
      <c r="N35" s="138"/>
      <c r="O35" s="138"/>
      <c r="P35" s="138"/>
    </row>
    <row r="36" spans="1:16" x14ac:dyDescent="0.25">
      <c r="A36" s="26" t="s">
        <v>5</v>
      </c>
      <c r="B36" s="138" t="s">
        <v>164</v>
      </c>
      <c r="C36" s="138"/>
      <c r="D36" s="138"/>
      <c r="E36" s="138"/>
      <c r="F36" s="138"/>
      <c r="G36" s="138"/>
      <c r="H36" s="138"/>
      <c r="I36" s="138"/>
      <c r="J36" s="138"/>
      <c r="K36" s="138"/>
      <c r="L36" s="138"/>
      <c r="M36" s="138"/>
      <c r="N36" s="138"/>
      <c r="O36" s="138"/>
      <c r="P36" s="138"/>
    </row>
    <row r="37" spans="1:16" x14ac:dyDescent="0.25">
      <c r="A37" s="26" t="s">
        <v>5</v>
      </c>
      <c r="B37" s="141" t="s">
        <v>116</v>
      </c>
      <c r="C37" s="141"/>
      <c r="D37" s="141"/>
      <c r="E37" s="141"/>
      <c r="F37" s="141"/>
      <c r="G37" s="141"/>
      <c r="H37" s="141"/>
      <c r="I37" s="141"/>
      <c r="J37" s="141"/>
      <c r="K37" s="141"/>
      <c r="L37" s="141"/>
      <c r="M37" s="141"/>
      <c r="N37" s="141"/>
      <c r="O37" s="141"/>
      <c r="P37" s="141"/>
    </row>
    <row r="38" spans="1:16" ht="26.25" customHeight="1" x14ac:dyDescent="0.25">
      <c r="A38" s="41" t="s">
        <v>5</v>
      </c>
      <c r="B38" s="144" t="s">
        <v>162</v>
      </c>
      <c r="C38" s="144"/>
      <c r="D38" s="144"/>
      <c r="E38" s="144"/>
      <c r="F38" s="144"/>
      <c r="G38" s="144"/>
      <c r="H38" s="144"/>
      <c r="I38" s="144"/>
      <c r="J38" s="144"/>
      <c r="K38" s="144"/>
      <c r="L38" s="144"/>
      <c r="M38" s="144"/>
      <c r="N38" s="144"/>
      <c r="O38" s="144"/>
      <c r="P38" s="144"/>
    </row>
    <row r="39" spans="1:16" x14ac:dyDescent="0.25">
      <c r="A39" s="41" t="s">
        <v>5</v>
      </c>
      <c r="B39" s="142" t="s">
        <v>80</v>
      </c>
      <c r="C39" s="142"/>
      <c r="D39" s="142"/>
      <c r="E39" s="142"/>
      <c r="F39" s="142"/>
      <c r="G39" s="142"/>
      <c r="H39" s="142"/>
      <c r="I39" s="142"/>
      <c r="J39" s="142"/>
      <c r="K39" s="142"/>
      <c r="L39" s="142"/>
      <c r="M39" s="142"/>
      <c r="N39" s="142"/>
      <c r="O39" s="142"/>
      <c r="P39" s="142"/>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69" t="s">
        <v>184</v>
      </c>
      <c r="C41" s="63"/>
      <c r="D41" s="63"/>
      <c r="E41" s="63"/>
      <c r="F41" s="63"/>
      <c r="G41" s="63"/>
      <c r="H41" s="63"/>
      <c r="I41" s="63"/>
      <c r="J41" s="63"/>
      <c r="K41" s="70"/>
      <c r="L41" s="70"/>
      <c r="M41" s="70"/>
      <c r="N41" s="70"/>
      <c r="O41" s="70"/>
      <c r="P41" s="70"/>
    </row>
    <row r="42" spans="1:16" x14ac:dyDescent="0.25">
      <c r="A42" s="26" t="s">
        <v>5</v>
      </c>
      <c r="B42" s="71" t="s">
        <v>26</v>
      </c>
      <c r="C42" s="72"/>
      <c r="D42" s="72"/>
      <c r="E42" s="72"/>
      <c r="F42" s="72"/>
      <c r="G42" s="72"/>
      <c r="H42" s="72"/>
      <c r="I42" s="72"/>
      <c r="J42" s="72"/>
      <c r="K42" s="53"/>
      <c r="L42" s="53"/>
      <c r="M42" s="53"/>
      <c r="N42" s="53"/>
      <c r="O42" s="53"/>
      <c r="P42" s="53"/>
    </row>
    <row r="44" spans="1:16" x14ac:dyDescent="0.25">
      <c r="A44" s="75"/>
      <c r="B44" s="141" t="s">
        <v>21</v>
      </c>
      <c r="C44" s="141"/>
      <c r="D44" s="141"/>
      <c r="E44" s="141"/>
      <c r="F44" s="141"/>
      <c r="G44" s="141"/>
      <c r="H44" s="141"/>
      <c r="I44" s="141"/>
      <c r="J44" s="141"/>
      <c r="K44" s="141"/>
      <c r="L44" s="141"/>
      <c r="M44" s="141"/>
      <c r="N44" s="141"/>
      <c r="O44" s="141"/>
      <c r="P44" s="141"/>
    </row>
    <row r="45" spans="1:16" ht="25.5" customHeight="1" x14ac:dyDescent="0.25">
      <c r="A45" s="93"/>
      <c r="B45" s="139" t="s">
        <v>197</v>
      </c>
      <c r="C45" s="138"/>
      <c r="D45" s="138"/>
      <c r="E45" s="138"/>
      <c r="F45" s="138"/>
      <c r="G45" s="138"/>
      <c r="H45" s="138"/>
      <c r="I45" s="138"/>
      <c r="J45" s="138"/>
      <c r="K45" s="138"/>
      <c r="L45" s="138"/>
      <c r="M45" s="138"/>
      <c r="N45" s="138"/>
      <c r="O45" s="138"/>
      <c r="P45" s="138"/>
    </row>
    <row r="46" spans="1:16" ht="13.5" customHeight="1" x14ac:dyDescent="0.25"/>
    <row r="47" spans="1:16" ht="11.25" customHeight="1" x14ac:dyDescent="0.25">
      <c r="A47" s="137" t="s">
        <v>62</v>
      </c>
      <c r="B47" s="137"/>
      <c r="C47" s="137"/>
      <c r="D47" s="137"/>
      <c r="E47" s="137"/>
      <c r="F47" s="137"/>
      <c r="G47" s="137"/>
      <c r="H47" s="137"/>
      <c r="I47" s="137"/>
      <c r="J47" s="137"/>
      <c r="K47" s="137"/>
      <c r="L47" s="137"/>
      <c r="M47" s="137"/>
      <c r="N47" s="137"/>
      <c r="O47" s="137"/>
      <c r="P47" s="137"/>
    </row>
    <row r="48" spans="1:16" s="53" customFormat="1" x14ac:dyDescent="0.25">
      <c r="A48" s="41" t="s">
        <v>5</v>
      </c>
      <c r="B48" s="134" t="s">
        <v>63</v>
      </c>
      <c r="C48" s="134"/>
      <c r="D48" s="134"/>
      <c r="E48" s="134"/>
      <c r="F48" s="134"/>
      <c r="G48" s="134"/>
      <c r="H48" s="134"/>
      <c r="I48" s="134"/>
      <c r="J48" s="134"/>
      <c r="K48" s="134"/>
      <c r="L48" s="134"/>
      <c r="M48" s="134"/>
      <c r="N48" s="134"/>
      <c r="O48" s="134"/>
      <c r="P48" s="134"/>
    </row>
    <row r="49" spans="1:16" x14ac:dyDescent="0.25">
      <c r="A49" s="41" t="s">
        <v>5</v>
      </c>
      <c r="B49" s="138" t="s">
        <v>139</v>
      </c>
      <c r="C49" s="138"/>
      <c r="D49" s="138"/>
      <c r="E49" s="138"/>
      <c r="F49" s="138"/>
      <c r="G49" s="138"/>
      <c r="H49" s="138"/>
      <c r="I49" s="138"/>
      <c r="J49" s="138"/>
      <c r="K49" s="138"/>
      <c r="L49" s="138"/>
      <c r="M49" s="138"/>
      <c r="N49" s="138"/>
      <c r="O49" s="138"/>
      <c r="P49" s="138"/>
    </row>
    <row r="50" spans="1:16" s="53" customFormat="1" ht="25.5" customHeight="1" x14ac:dyDescent="0.25">
      <c r="A50" s="41" t="s">
        <v>5</v>
      </c>
      <c r="B50" s="134" t="s">
        <v>74</v>
      </c>
      <c r="C50" s="134"/>
      <c r="D50" s="134"/>
      <c r="E50" s="134"/>
      <c r="F50" s="134"/>
      <c r="G50" s="134"/>
      <c r="H50" s="134"/>
      <c r="I50" s="134"/>
      <c r="J50" s="134"/>
      <c r="K50" s="134"/>
      <c r="L50" s="134"/>
      <c r="M50" s="134"/>
      <c r="N50" s="134"/>
      <c r="O50" s="134"/>
      <c r="P50" s="134"/>
    </row>
    <row r="51" spans="1:16" s="53" customFormat="1" ht="12" customHeight="1" x14ac:dyDescent="0.25">
      <c r="A51" s="41" t="s">
        <v>5</v>
      </c>
      <c r="B51" s="134" t="s">
        <v>75</v>
      </c>
      <c r="C51" s="134"/>
      <c r="D51" s="134"/>
      <c r="E51" s="134"/>
      <c r="F51" s="134"/>
      <c r="G51" s="134"/>
      <c r="H51" s="134"/>
      <c r="I51" s="134"/>
      <c r="J51" s="134"/>
      <c r="K51" s="134"/>
      <c r="L51" s="134"/>
      <c r="M51" s="134"/>
      <c r="N51" s="134"/>
      <c r="O51" s="134"/>
      <c r="P51" s="134"/>
    </row>
    <row r="52" spans="1:16" s="53" customFormat="1" ht="53.25" customHeight="1" x14ac:dyDescent="0.25">
      <c r="A52" s="41" t="s">
        <v>5</v>
      </c>
      <c r="B52" s="134" t="s">
        <v>97</v>
      </c>
      <c r="C52" s="134"/>
      <c r="D52" s="134"/>
      <c r="E52" s="134"/>
      <c r="F52" s="134"/>
      <c r="G52" s="134"/>
      <c r="H52" s="134"/>
      <c r="I52" s="134"/>
      <c r="J52" s="134"/>
      <c r="K52" s="134"/>
      <c r="L52" s="134"/>
      <c r="M52" s="134"/>
      <c r="N52" s="134"/>
      <c r="O52" s="134"/>
      <c r="P52" s="134"/>
    </row>
    <row r="53" spans="1:16" s="53" customFormat="1" ht="27" customHeight="1" x14ac:dyDescent="0.25">
      <c r="A53" s="41" t="s">
        <v>5</v>
      </c>
      <c r="B53" s="134" t="s">
        <v>66</v>
      </c>
      <c r="C53" s="134"/>
      <c r="D53" s="134"/>
      <c r="E53" s="134"/>
      <c r="F53" s="134"/>
      <c r="G53" s="134"/>
      <c r="H53" s="134"/>
      <c r="I53" s="134"/>
      <c r="J53" s="134"/>
      <c r="K53" s="134"/>
      <c r="L53" s="134"/>
      <c r="M53" s="134"/>
      <c r="N53" s="134"/>
      <c r="O53" s="134"/>
      <c r="P53" s="134"/>
    </row>
    <row r="54" spans="1:16" s="53" customFormat="1" x14ac:dyDescent="0.25">
      <c r="A54" s="41" t="s">
        <v>5</v>
      </c>
      <c r="B54" s="135" t="s">
        <v>130</v>
      </c>
      <c r="C54" s="135"/>
      <c r="D54" s="135"/>
      <c r="E54" s="135"/>
      <c r="F54" s="135"/>
      <c r="G54" s="135"/>
      <c r="H54" s="135"/>
      <c r="I54" s="135"/>
      <c r="J54" s="135"/>
      <c r="K54" s="135"/>
      <c r="L54" s="135"/>
      <c r="M54" s="135"/>
      <c r="N54" s="135"/>
      <c r="O54" s="135"/>
      <c r="P54" s="135"/>
    </row>
    <row r="55" spans="1:16" x14ac:dyDescent="0.25">
      <c r="A55" s="41" t="s">
        <v>5</v>
      </c>
      <c r="B55" s="136" t="s">
        <v>129</v>
      </c>
      <c r="C55" s="136"/>
      <c r="D55" s="136"/>
      <c r="E55" s="136"/>
      <c r="F55" s="136"/>
      <c r="G55" s="136"/>
      <c r="H55" s="136"/>
      <c r="I55" s="136"/>
      <c r="J55" s="136"/>
      <c r="K55" s="136"/>
      <c r="L55" s="136"/>
      <c r="M55" s="136"/>
      <c r="N55" s="136"/>
      <c r="O55" s="136"/>
      <c r="P55" s="136"/>
    </row>
    <row r="56" spans="1:16" ht="25.5" customHeight="1" x14ac:dyDescent="0.25">
      <c r="A56" s="41" t="s">
        <v>5</v>
      </c>
      <c r="B56" s="136" t="s">
        <v>185</v>
      </c>
      <c r="C56" s="136"/>
      <c r="D56" s="136"/>
      <c r="E56" s="136"/>
      <c r="F56" s="136"/>
      <c r="G56" s="136"/>
      <c r="H56" s="136"/>
      <c r="I56" s="136"/>
      <c r="J56" s="136"/>
      <c r="K56" s="136"/>
      <c r="L56" s="136"/>
      <c r="M56" s="136"/>
      <c r="N56" s="136"/>
      <c r="O56" s="136"/>
      <c r="P56" s="136"/>
    </row>
    <row r="57" spans="1:16" ht="23.25" customHeight="1" x14ac:dyDescent="0.25">
      <c r="A57" s="41" t="s">
        <v>5</v>
      </c>
      <c r="B57" s="136" t="s">
        <v>186</v>
      </c>
      <c r="C57" s="136"/>
      <c r="D57" s="136"/>
      <c r="E57" s="136"/>
      <c r="F57" s="136"/>
      <c r="G57" s="136"/>
      <c r="H57" s="136"/>
      <c r="I57" s="136"/>
      <c r="J57" s="136"/>
      <c r="K57" s="136"/>
      <c r="L57" s="136"/>
      <c r="M57" s="136"/>
      <c r="N57" s="136"/>
      <c r="O57" s="136"/>
      <c r="P57" s="136"/>
    </row>
    <row r="58" spans="1:16" ht="26.25" customHeight="1" x14ac:dyDescent="0.25">
      <c r="A58" s="41" t="s">
        <v>135</v>
      </c>
      <c r="B58" s="136" t="s">
        <v>187</v>
      </c>
      <c r="C58" s="136"/>
      <c r="D58" s="136"/>
      <c r="E58" s="136"/>
      <c r="F58" s="136"/>
      <c r="G58" s="136"/>
      <c r="H58" s="136"/>
      <c r="I58" s="136"/>
      <c r="J58" s="136"/>
      <c r="K58" s="136"/>
      <c r="L58" s="136"/>
      <c r="M58" s="136"/>
      <c r="N58" s="136"/>
      <c r="O58" s="136"/>
      <c r="P58" s="136"/>
    </row>
    <row r="59" spans="1:16" ht="25.5" customHeight="1" x14ac:dyDescent="0.25">
      <c r="A59" s="41" t="s">
        <v>136</v>
      </c>
      <c r="B59" s="136" t="s">
        <v>188</v>
      </c>
      <c r="C59" s="136"/>
      <c r="D59" s="136"/>
      <c r="E59" s="136"/>
      <c r="F59" s="136"/>
      <c r="G59" s="136"/>
      <c r="H59" s="136"/>
      <c r="I59" s="136"/>
      <c r="J59" s="136"/>
      <c r="K59" s="136"/>
      <c r="L59" s="136"/>
      <c r="M59" s="136"/>
      <c r="N59" s="136"/>
      <c r="O59" s="136"/>
      <c r="P59" s="136"/>
    </row>
    <row r="60" spans="1:16" x14ac:dyDescent="0.25">
      <c r="A60" s="36" t="s">
        <v>5</v>
      </c>
      <c r="B60" s="147" t="s">
        <v>181</v>
      </c>
      <c r="C60" s="147"/>
      <c r="D60" s="147"/>
      <c r="E60" s="147"/>
      <c r="F60" s="147"/>
      <c r="G60" s="147"/>
      <c r="H60" s="147"/>
      <c r="I60" s="147"/>
      <c r="J60" s="147"/>
      <c r="K60" s="147"/>
      <c r="L60" s="147"/>
      <c r="M60" s="147"/>
      <c r="N60" s="147"/>
      <c r="O60" s="147"/>
      <c r="P60" s="147"/>
    </row>
    <row r="61" spans="1:16" s="53" customFormat="1" x14ac:dyDescent="0.25">
      <c r="A61" s="36" t="s">
        <v>5</v>
      </c>
      <c r="B61" s="147" t="s">
        <v>88</v>
      </c>
      <c r="C61" s="147"/>
      <c r="D61" s="147"/>
      <c r="E61" s="147"/>
      <c r="F61" s="147"/>
      <c r="G61" s="147"/>
      <c r="H61" s="147"/>
      <c r="I61" s="147"/>
      <c r="J61" s="147"/>
      <c r="K61" s="147"/>
      <c r="L61" s="147"/>
      <c r="M61" s="147"/>
      <c r="N61" s="147"/>
      <c r="O61" s="147"/>
      <c r="P61" s="147"/>
    </row>
    <row r="62" spans="1:16" s="49" customFormat="1" ht="12" customHeight="1" x14ac:dyDescent="0.25">
      <c r="A62" s="41" t="s">
        <v>5</v>
      </c>
      <c r="B62" s="147" t="s">
        <v>22</v>
      </c>
      <c r="C62" s="147"/>
      <c r="D62" s="147"/>
      <c r="E62" s="147"/>
      <c r="F62" s="147"/>
      <c r="G62" s="147"/>
      <c r="H62" s="147"/>
      <c r="I62" s="147"/>
      <c r="J62" s="147"/>
      <c r="K62" s="147"/>
      <c r="L62" s="147"/>
      <c r="M62" s="147"/>
      <c r="N62" s="147"/>
      <c r="O62" s="147"/>
    </row>
    <row r="63" spans="1:16" x14ac:dyDescent="0.25">
      <c r="A63" s="41"/>
      <c r="B63" s="54"/>
      <c r="C63" s="54"/>
      <c r="D63" s="54"/>
      <c r="E63" s="54"/>
      <c r="F63" s="54"/>
      <c r="G63" s="54"/>
      <c r="H63" s="54"/>
      <c r="I63" s="54"/>
      <c r="J63" s="54"/>
      <c r="K63" s="54"/>
      <c r="L63" s="54"/>
      <c r="M63" s="54"/>
      <c r="N63" s="54"/>
      <c r="O63" s="54"/>
      <c r="P63" s="54"/>
    </row>
    <row r="64" spans="1:16" ht="11.25" customHeight="1" x14ac:dyDescent="0.25">
      <c r="A64" s="137" t="s">
        <v>134</v>
      </c>
      <c r="B64" s="137"/>
      <c r="C64" s="137"/>
      <c r="D64" s="137"/>
      <c r="E64" s="137"/>
      <c r="F64" s="137"/>
      <c r="G64" s="137"/>
      <c r="H64" s="137"/>
      <c r="I64" s="137"/>
      <c r="J64" s="137"/>
      <c r="K64" s="137"/>
      <c r="L64" s="137"/>
      <c r="M64" s="137"/>
      <c r="N64" s="137"/>
      <c r="O64" s="137"/>
      <c r="P64" s="137"/>
    </row>
    <row r="65" spans="1:256" s="53" customFormat="1" x14ac:dyDescent="0.25">
      <c r="A65" s="55"/>
      <c r="B65" s="74"/>
      <c r="C65" s="74"/>
      <c r="D65" s="74"/>
      <c r="E65" s="74"/>
      <c r="F65" s="74"/>
      <c r="G65" s="74"/>
      <c r="H65" s="74"/>
      <c r="I65" s="74"/>
      <c r="J65" s="74"/>
      <c r="K65" s="74"/>
      <c r="L65" s="74"/>
      <c r="M65" s="74"/>
      <c r="N65" s="74"/>
      <c r="O65" s="74"/>
      <c r="P65" s="74"/>
    </row>
    <row r="66" spans="1:256" x14ac:dyDescent="0.25">
      <c r="A66" s="41"/>
      <c r="B66" s="82" t="s">
        <v>115</v>
      </c>
      <c r="C66" s="80"/>
      <c r="D66" s="80"/>
      <c r="E66" s="80"/>
      <c r="F66" s="80"/>
      <c r="G66" s="80"/>
      <c r="H66" s="80"/>
      <c r="I66" s="80"/>
      <c r="J66" s="80"/>
      <c r="K66" s="80"/>
      <c r="L66" s="80"/>
      <c r="M66" s="80"/>
      <c r="N66" s="80"/>
      <c r="O66" s="80"/>
      <c r="P66" s="80"/>
    </row>
    <row r="67" spans="1:256" ht="8.25" customHeight="1" x14ac:dyDescent="0.25">
      <c r="A67" s="41"/>
      <c r="B67" s="81"/>
      <c r="C67" s="80"/>
      <c r="D67" s="80"/>
      <c r="E67" s="80"/>
      <c r="F67" s="80"/>
      <c r="G67" s="80"/>
      <c r="H67" s="80"/>
      <c r="I67" s="80"/>
      <c r="J67" s="80"/>
      <c r="K67" s="80"/>
      <c r="L67" s="80"/>
      <c r="M67" s="80"/>
      <c r="N67" s="80"/>
      <c r="O67" s="80"/>
      <c r="P67" s="80"/>
    </row>
    <row r="68" spans="1:256" ht="65.25" customHeight="1" x14ac:dyDescent="0.25">
      <c r="A68" s="41"/>
      <c r="B68" s="136" t="s">
        <v>232</v>
      </c>
      <c r="C68" s="136"/>
      <c r="D68" s="136"/>
      <c r="E68" s="136"/>
      <c r="F68" s="136"/>
      <c r="G68" s="136"/>
      <c r="H68" s="136"/>
      <c r="I68" s="136"/>
      <c r="J68" s="136"/>
      <c r="K68" s="136"/>
      <c r="L68" s="136"/>
      <c r="M68" s="136"/>
      <c r="N68" s="136"/>
      <c r="O68" s="136"/>
      <c r="P68" s="136"/>
    </row>
    <row r="69" spans="1:256" s="53" customFormat="1" x14ac:dyDescent="0.25">
      <c r="A69" s="55"/>
      <c r="B69" s="57"/>
      <c r="C69" s="57"/>
      <c r="D69" s="57"/>
      <c r="E69" s="57"/>
      <c r="F69" s="57"/>
      <c r="G69" s="57"/>
      <c r="H69" s="57"/>
      <c r="I69" s="57"/>
      <c r="J69" s="57"/>
      <c r="K69" s="57"/>
      <c r="L69" s="57"/>
      <c r="M69" s="57"/>
      <c r="N69" s="57"/>
      <c r="O69" s="57"/>
      <c r="P69" s="57"/>
    </row>
    <row r="70" spans="1:256" ht="12" customHeight="1" x14ac:dyDescent="0.25">
      <c r="A70" s="137" t="s">
        <v>25</v>
      </c>
      <c r="B70" s="137"/>
      <c r="C70" s="137"/>
      <c r="D70" s="137"/>
      <c r="E70" s="137"/>
      <c r="F70" s="137"/>
      <c r="G70" s="137"/>
      <c r="H70" s="137"/>
      <c r="I70" s="137"/>
      <c r="J70" s="137"/>
      <c r="K70" s="137"/>
      <c r="L70" s="137"/>
      <c r="M70" s="137"/>
      <c r="N70" s="137"/>
      <c r="O70" s="137"/>
      <c r="P70" s="137"/>
    </row>
    <row r="72" spans="1:256" ht="29.25" customHeight="1" x14ac:dyDescent="0.25">
      <c r="B72" s="162" t="s">
        <v>137</v>
      </c>
      <c r="C72" s="162"/>
      <c r="D72" s="125" t="s">
        <v>133</v>
      </c>
      <c r="E72" s="127"/>
      <c r="F72" s="127"/>
      <c r="G72" s="127"/>
      <c r="H72" s="127"/>
      <c r="I72" s="127"/>
      <c r="J72" s="127"/>
      <c r="K72" s="127"/>
      <c r="L72" s="127"/>
      <c r="M72" s="127"/>
      <c r="N72" s="127"/>
      <c r="O72" s="127"/>
    </row>
    <row r="73" spans="1:256" x14ac:dyDescent="0.25">
      <c r="B73" s="163" t="s">
        <v>196</v>
      </c>
      <c r="C73" s="163"/>
      <c r="D73" s="111">
        <v>400</v>
      </c>
      <c r="E73" s="128"/>
      <c r="F73" s="128"/>
      <c r="G73" s="128"/>
      <c r="H73" s="128"/>
      <c r="I73" s="128"/>
      <c r="J73" s="128"/>
      <c r="K73" s="128"/>
      <c r="L73" s="128"/>
      <c r="M73" s="128"/>
      <c r="N73" s="128"/>
      <c r="O73" s="128"/>
    </row>
    <row r="74" spans="1:256" x14ac:dyDescent="0.25">
      <c r="D74" s="62"/>
    </row>
    <row r="75" spans="1:256" s="49" customFormat="1" ht="12" customHeight="1" x14ac:dyDescent="0.25">
      <c r="A75" s="137" t="s">
        <v>138</v>
      </c>
      <c r="B75" s="137"/>
      <c r="C75" s="137"/>
      <c r="D75" s="137"/>
      <c r="E75" s="137"/>
      <c r="F75" s="137"/>
      <c r="G75" s="137"/>
      <c r="H75" s="137"/>
      <c r="I75" s="137"/>
      <c r="J75" s="137"/>
      <c r="K75" s="137"/>
      <c r="L75" s="137"/>
      <c r="M75" s="137"/>
      <c r="N75" s="137"/>
      <c r="O75" s="137"/>
      <c r="P75" s="137"/>
      <c r="Q75" s="156" t="s">
        <v>27</v>
      </c>
      <c r="R75" s="156"/>
      <c r="S75" s="156"/>
      <c r="T75" s="156"/>
      <c r="U75" s="156"/>
      <c r="V75" s="156"/>
      <c r="W75" s="156"/>
      <c r="X75" s="156"/>
      <c r="Y75" s="156"/>
      <c r="Z75" s="156"/>
      <c r="AA75" s="156"/>
      <c r="AB75" s="156"/>
      <c r="AC75" s="156"/>
      <c r="AD75" s="156"/>
      <c r="AE75" s="156"/>
      <c r="AF75" s="156"/>
      <c r="AG75" s="156" t="s">
        <v>27</v>
      </c>
      <c r="AH75" s="156"/>
      <c r="AI75" s="156"/>
      <c r="AJ75" s="156"/>
      <c r="AK75" s="156"/>
      <c r="AL75" s="156"/>
      <c r="AM75" s="156"/>
      <c r="AN75" s="156"/>
      <c r="AO75" s="156"/>
      <c r="AP75" s="156"/>
      <c r="AQ75" s="156"/>
      <c r="AR75" s="156"/>
      <c r="AS75" s="156"/>
      <c r="AT75" s="156"/>
      <c r="AU75" s="156"/>
      <c r="AV75" s="156"/>
      <c r="AW75" s="156" t="s">
        <v>27</v>
      </c>
      <c r="AX75" s="156"/>
      <c r="AY75" s="156"/>
      <c r="AZ75" s="156"/>
      <c r="BA75" s="156"/>
      <c r="BB75" s="156"/>
      <c r="BC75" s="156"/>
      <c r="BD75" s="156"/>
      <c r="BE75" s="156"/>
      <c r="BF75" s="156"/>
      <c r="BG75" s="156"/>
      <c r="BH75" s="156"/>
      <c r="BI75" s="156"/>
      <c r="BJ75" s="156"/>
      <c r="BK75" s="156"/>
      <c r="BL75" s="156"/>
      <c r="BM75" s="156" t="s">
        <v>27</v>
      </c>
      <c r="BN75" s="156"/>
      <c r="BO75" s="156"/>
      <c r="BP75" s="156"/>
      <c r="BQ75" s="156"/>
      <c r="BR75" s="156"/>
      <c r="BS75" s="156"/>
      <c r="BT75" s="156"/>
      <c r="BU75" s="156"/>
      <c r="BV75" s="156"/>
      <c r="BW75" s="156"/>
      <c r="BX75" s="156"/>
      <c r="BY75" s="156"/>
      <c r="BZ75" s="156"/>
      <c r="CA75" s="156"/>
      <c r="CB75" s="156"/>
      <c r="CC75" s="156" t="s">
        <v>27</v>
      </c>
      <c r="CD75" s="156"/>
      <c r="CE75" s="156"/>
      <c r="CF75" s="156"/>
      <c r="CG75" s="156"/>
      <c r="CH75" s="156"/>
      <c r="CI75" s="156"/>
      <c r="CJ75" s="156"/>
      <c r="CK75" s="156"/>
      <c r="CL75" s="156"/>
      <c r="CM75" s="156"/>
      <c r="CN75" s="156"/>
      <c r="CO75" s="156"/>
      <c r="CP75" s="156"/>
      <c r="CQ75" s="156"/>
      <c r="CR75" s="156"/>
      <c r="CS75" s="156" t="s">
        <v>27</v>
      </c>
      <c r="CT75" s="156"/>
      <c r="CU75" s="156"/>
      <c r="CV75" s="156"/>
      <c r="CW75" s="156"/>
      <c r="CX75" s="156"/>
      <c r="CY75" s="156"/>
      <c r="CZ75" s="156"/>
      <c r="DA75" s="156"/>
      <c r="DB75" s="156"/>
      <c r="DC75" s="156"/>
      <c r="DD75" s="156"/>
      <c r="DE75" s="156"/>
      <c r="DF75" s="156"/>
      <c r="DG75" s="156"/>
      <c r="DH75" s="156"/>
      <c r="DI75" s="156" t="s">
        <v>27</v>
      </c>
      <c r="DJ75" s="156"/>
      <c r="DK75" s="156"/>
      <c r="DL75" s="156"/>
      <c r="DM75" s="156"/>
      <c r="DN75" s="156"/>
      <c r="DO75" s="156"/>
      <c r="DP75" s="156"/>
      <c r="DQ75" s="156"/>
      <c r="DR75" s="156"/>
      <c r="DS75" s="156"/>
      <c r="DT75" s="156"/>
      <c r="DU75" s="156"/>
      <c r="DV75" s="156"/>
      <c r="DW75" s="156"/>
      <c r="DX75" s="156"/>
      <c r="DY75" s="156" t="s">
        <v>27</v>
      </c>
      <c r="DZ75" s="156"/>
      <c r="EA75" s="156"/>
      <c r="EB75" s="156"/>
      <c r="EC75" s="156"/>
      <c r="ED75" s="156"/>
      <c r="EE75" s="156"/>
      <c r="EF75" s="156"/>
      <c r="EG75" s="156"/>
      <c r="EH75" s="156"/>
      <c r="EI75" s="156"/>
      <c r="EJ75" s="156"/>
      <c r="EK75" s="156"/>
      <c r="EL75" s="156"/>
      <c r="EM75" s="156"/>
      <c r="EN75" s="156"/>
      <c r="EO75" s="156" t="s">
        <v>27</v>
      </c>
      <c r="EP75" s="156"/>
      <c r="EQ75" s="156"/>
      <c r="ER75" s="156"/>
      <c r="ES75" s="156"/>
      <c r="ET75" s="156"/>
      <c r="EU75" s="156"/>
      <c r="EV75" s="156"/>
      <c r="EW75" s="156"/>
      <c r="EX75" s="156"/>
      <c r="EY75" s="156"/>
      <c r="EZ75" s="156"/>
      <c r="FA75" s="156"/>
      <c r="FB75" s="156"/>
      <c r="FC75" s="156"/>
      <c r="FD75" s="156"/>
      <c r="FE75" s="156" t="s">
        <v>27</v>
      </c>
      <c r="FF75" s="156"/>
      <c r="FG75" s="156"/>
      <c r="FH75" s="156"/>
      <c r="FI75" s="156"/>
      <c r="FJ75" s="156"/>
      <c r="FK75" s="156"/>
      <c r="FL75" s="156"/>
      <c r="FM75" s="156"/>
      <c r="FN75" s="156"/>
      <c r="FO75" s="156"/>
      <c r="FP75" s="156"/>
      <c r="FQ75" s="156"/>
      <c r="FR75" s="156"/>
      <c r="FS75" s="156"/>
      <c r="FT75" s="156"/>
      <c r="FU75" s="156" t="s">
        <v>27</v>
      </c>
      <c r="FV75" s="156"/>
      <c r="FW75" s="156"/>
      <c r="FX75" s="156"/>
      <c r="FY75" s="156"/>
      <c r="FZ75" s="156"/>
      <c r="GA75" s="156"/>
      <c r="GB75" s="156"/>
      <c r="GC75" s="156"/>
      <c r="GD75" s="156"/>
      <c r="GE75" s="156"/>
      <c r="GF75" s="156"/>
      <c r="GG75" s="156"/>
      <c r="GH75" s="156"/>
      <c r="GI75" s="156"/>
      <c r="GJ75" s="156"/>
      <c r="GK75" s="156" t="s">
        <v>27</v>
      </c>
      <c r="GL75" s="156"/>
      <c r="GM75" s="156"/>
      <c r="GN75" s="156"/>
      <c r="GO75" s="156"/>
      <c r="GP75" s="156"/>
      <c r="GQ75" s="156"/>
      <c r="GR75" s="156"/>
      <c r="GS75" s="156"/>
      <c r="GT75" s="156"/>
      <c r="GU75" s="156"/>
      <c r="GV75" s="156"/>
      <c r="GW75" s="156"/>
      <c r="GX75" s="156"/>
      <c r="GY75" s="156"/>
      <c r="GZ75" s="156"/>
      <c r="HA75" s="156" t="s">
        <v>27</v>
      </c>
      <c r="HB75" s="156"/>
      <c r="HC75" s="156"/>
      <c r="HD75" s="156"/>
      <c r="HE75" s="156"/>
      <c r="HF75" s="156"/>
      <c r="HG75" s="156"/>
      <c r="HH75" s="156"/>
      <c r="HI75" s="156"/>
      <c r="HJ75" s="156"/>
      <c r="HK75" s="156"/>
      <c r="HL75" s="156"/>
      <c r="HM75" s="156"/>
      <c r="HN75" s="156"/>
      <c r="HO75" s="156"/>
      <c r="HP75" s="156"/>
      <c r="HQ75" s="156" t="s">
        <v>27</v>
      </c>
      <c r="HR75" s="156"/>
      <c r="HS75" s="156"/>
      <c r="HT75" s="156"/>
      <c r="HU75" s="156"/>
      <c r="HV75" s="156"/>
      <c r="HW75" s="156"/>
      <c r="HX75" s="156"/>
      <c r="HY75" s="156"/>
      <c r="HZ75" s="156"/>
      <c r="IA75" s="156"/>
      <c r="IB75" s="156"/>
      <c r="IC75" s="156"/>
      <c r="ID75" s="156"/>
      <c r="IE75" s="156"/>
      <c r="IF75" s="156"/>
      <c r="IG75" s="156" t="s">
        <v>27</v>
      </c>
      <c r="IH75" s="156"/>
      <c r="II75" s="156"/>
      <c r="IJ75" s="156"/>
      <c r="IK75" s="156"/>
      <c r="IL75" s="156"/>
      <c r="IM75" s="156"/>
      <c r="IN75" s="156"/>
      <c r="IO75" s="156"/>
      <c r="IP75" s="156"/>
      <c r="IQ75" s="156"/>
      <c r="IR75" s="156"/>
      <c r="IS75" s="156"/>
      <c r="IT75" s="156"/>
      <c r="IU75" s="156"/>
      <c r="IV75" s="156"/>
    </row>
    <row r="76" spans="1:256" x14ac:dyDescent="0.25">
      <c r="A76" s="26" t="s">
        <v>5</v>
      </c>
      <c r="B76" s="75" t="s">
        <v>31</v>
      </c>
      <c r="D76" s="61"/>
      <c r="E76" s="61"/>
      <c r="F76" s="61"/>
      <c r="G76" s="61"/>
      <c r="H76" s="61"/>
      <c r="I76" s="61"/>
      <c r="J76" s="61"/>
      <c r="K76" s="61"/>
      <c r="L76" s="61"/>
      <c r="M76" s="61"/>
      <c r="N76" s="61"/>
    </row>
    <row r="77" spans="1:256" x14ac:dyDescent="0.25">
      <c r="B77" s="104"/>
      <c r="C77" s="99"/>
      <c r="D77" s="100"/>
      <c r="E77" s="100"/>
      <c r="F77" s="100"/>
      <c r="G77" s="100"/>
      <c r="H77" s="100"/>
      <c r="I77" s="100"/>
      <c r="J77" s="100"/>
      <c r="K77" s="100"/>
      <c r="L77" s="100"/>
      <c r="M77" s="100"/>
      <c r="N77" s="100"/>
      <c r="O77" s="100"/>
    </row>
    <row r="78" spans="1:256" x14ac:dyDescent="0.25">
      <c r="C78" s="101"/>
      <c r="D78" s="102"/>
      <c r="E78" s="102"/>
      <c r="F78" s="102"/>
      <c r="G78" s="102"/>
      <c r="H78" s="102"/>
      <c r="I78" s="102"/>
      <c r="J78" s="102"/>
      <c r="K78" s="102"/>
      <c r="L78" s="102"/>
      <c r="M78" s="102"/>
      <c r="N78" s="102"/>
      <c r="O78" s="102"/>
    </row>
    <row r="79" spans="1:256" x14ac:dyDescent="0.25">
      <c r="D79" s="61"/>
      <c r="G79" s="95"/>
    </row>
    <row r="80" spans="1:256" x14ac:dyDescent="0.25">
      <c r="D80" s="103"/>
    </row>
    <row r="81" spans="4:4" x14ac:dyDescent="0.25">
      <c r="D81" s="105"/>
    </row>
    <row r="163" spans="1:256"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c r="IV163" s="28"/>
    </row>
  </sheetData>
  <mergeCells count="56">
    <mergeCell ref="Q75:AF75"/>
    <mergeCell ref="AG75:AV75"/>
    <mergeCell ref="AW75:BL75"/>
    <mergeCell ref="A70:P70"/>
    <mergeCell ref="B72:C72"/>
    <mergeCell ref="B73:C73"/>
    <mergeCell ref="A75:P75"/>
    <mergeCell ref="HQ75:IF75"/>
    <mergeCell ref="IG75:IV75"/>
    <mergeCell ref="BM75:CB75"/>
    <mergeCell ref="CC75:CR75"/>
    <mergeCell ref="CS75:DH75"/>
    <mergeCell ref="DI75:DX75"/>
    <mergeCell ref="DY75:EN75"/>
    <mergeCell ref="EO75:FD75"/>
    <mergeCell ref="FE75:FT75"/>
    <mergeCell ref="FU75:GJ75"/>
    <mergeCell ref="GK75:GZ75"/>
    <mergeCell ref="HA75:HP75"/>
    <mergeCell ref="B61:P61"/>
    <mergeCell ref="B62:O62"/>
    <mergeCell ref="B52:P52"/>
    <mergeCell ref="A64:P64"/>
    <mergeCell ref="B68:P68"/>
    <mergeCell ref="B50:P50"/>
    <mergeCell ref="B60:P60"/>
    <mergeCell ref="B56:P56"/>
    <mergeCell ref="B57:P57"/>
    <mergeCell ref="B58:P58"/>
    <mergeCell ref="B59:P59"/>
    <mergeCell ref="B51:P51"/>
    <mergeCell ref="B53:P53"/>
    <mergeCell ref="B54:P54"/>
    <mergeCell ref="B55:P55"/>
    <mergeCell ref="B34:P34"/>
    <mergeCell ref="B35:P35"/>
    <mergeCell ref="A47:P47"/>
    <mergeCell ref="B48:P48"/>
    <mergeCell ref="B49:P49"/>
    <mergeCell ref="B45:P45"/>
    <mergeCell ref="B36:P36"/>
    <mergeCell ref="B37:P37"/>
    <mergeCell ref="B38:P38"/>
    <mergeCell ref="B39:P39"/>
    <mergeCell ref="B44:P44"/>
    <mergeCell ref="B33:M33"/>
    <mergeCell ref="A4:P4"/>
    <mergeCell ref="A9:P9"/>
    <mergeCell ref="B12:M12"/>
    <mergeCell ref="B17:L17"/>
    <mergeCell ref="B20:M20"/>
    <mergeCell ref="B21:M21"/>
    <mergeCell ref="A24:P24"/>
    <mergeCell ref="B28:M28"/>
    <mergeCell ref="B29:M29"/>
    <mergeCell ref="A32:P32"/>
  </mergeCells>
  <printOptions horizontalCentered="1" verticalCentered="1"/>
  <pageMargins left="0.78740157480314965" right="0.78740157480314965" top="0.15748031496062992" bottom="0.51181102362204722" header="0" footer="0"/>
  <pageSetup paperSize="9" scale="67"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9">
    <pageSetUpPr fitToPage="1"/>
  </sheetPr>
  <dimension ref="A3:IV150"/>
  <sheetViews>
    <sheetView showGridLines="0" workbookViewId="0">
      <selection activeCell="B60" sqref="B60:C6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61</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14</v>
      </c>
      <c r="I12" s="28"/>
      <c r="O12" s="36" t="s">
        <v>7</v>
      </c>
    </row>
    <row r="13" spans="1:16" x14ac:dyDescent="0.25">
      <c r="A13" s="26" t="s">
        <v>5</v>
      </c>
      <c r="B13" s="75" t="s">
        <v>15</v>
      </c>
      <c r="I13" s="28"/>
      <c r="O13" s="36" t="s">
        <v>7</v>
      </c>
    </row>
    <row r="14" spans="1:16" x14ac:dyDescent="0.25">
      <c r="A14" s="26" t="s">
        <v>5</v>
      </c>
      <c r="B14" s="141" t="s">
        <v>34</v>
      </c>
      <c r="C14" s="141"/>
      <c r="D14" s="141"/>
      <c r="E14" s="141"/>
      <c r="F14" s="141"/>
      <c r="G14" s="141"/>
      <c r="H14" s="141"/>
      <c r="I14" s="141"/>
      <c r="J14" s="141"/>
      <c r="K14" s="141"/>
      <c r="L14" s="141"/>
      <c r="M14" s="141"/>
      <c r="O14" s="36" t="s">
        <v>7</v>
      </c>
    </row>
    <row r="15" spans="1:16" x14ac:dyDescent="0.25">
      <c r="A15" s="41" t="s">
        <v>5</v>
      </c>
      <c r="B15" s="134" t="s">
        <v>91</v>
      </c>
      <c r="C15" s="134"/>
      <c r="D15" s="134"/>
      <c r="E15" s="134"/>
      <c r="F15" s="134"/>
      <c r="G15" s="134"/>
      <c r="H15" s="134"/>
      <c r="I15" s="134"/>
      <c r="J15" s="134"/>
      <c r="K15" s="134"/>
      <c r="L15" s="134"/>
      <c r="M15" s="134"/>
      <c r="N15" s="46"/>
      <c r="O15" s="42">
        <v>50000</v>
      </c>
    </row>
    <row r="16" spans="1:16" x14ac:dyDescent="0.25">
      <c r="A16" s="26" t="s">
        <v>5</v>
      </c>
      <c r="B16" s="75" t="s">
        <v>16</v>
      </c>
      <c r="I16" s="28"/>
      <c r="O16" s="36" t="s">
        <v>7</v>
      </c>
    </row>
    <row r="18" spans="1:16" ht="12" customHeight="1" x14ac:dyDescent="0.25">
      <c r="A18" s="137" t="s">
        <v>17</v>
      </c>
      <c r="B18" s="137"/>
      <c r="C18" s="137"/>
      <c r="D18" s="137"/>
      <c r="E18" s="137"/>
      <c r="F18" s="137"/>
      <c r="G18" s="137"/>
      <c r="H18" s="137"/>
      <c r="I18" s="137"/>
      <c r="J18" s="137"/>
      <c r="K18" s="137"/>
      <c r="L18" s="137"/>
      <c r="M18" s="137"/>
      <c r="N18" s="137"/>
      <c r="O18" s="137"/>
      <c r="P18" s="137"/>
    </row>
    <row r="19" spans="1:16" x14ac:dyDescent="0.25">
      <c r="A19" s="26" t="s">
        <v>5</v>
      </c>
      <c r="B19" s="75" t="s">
        <v>18</v>
      </c>
      <c r="I19" s="28"/>
      <c r="O19" s="47">
        <v>500</v>
      </c>
    </row>
    <row r="20" spans="1:16" x14ac:dyDescent="0.25">
      <c r="A20" s="26" t="s">
        <v>5</v>
      </c>
      <c r="B20" s="75" t="s">
        <v>159</v>
      </c>
      <c r="I20" s="28"/>
      <c r="O20" s="47" t="s">
        <v>160</v>
      </c>
    </row>
    <row r="21" spans="1:16" x14ac:dyDescent="0.25">
      <c r="A21" s="41" t="s">
        <v>5</v>
      </c>
      <c r="B21" s="152" t="s">
        <v>127</v>
      </c>
      <c r="C21" s="152"/>
      <c r="D21" s="152"/>
      <c r="E21" s="152"/>
      <c r="F21" s="152"/>
      <c r="G21" s="152"/>
      <c r="H21" s="152"/>
      <c r="I21" s="152"/>
      <c r="J21" s="152"/>
      <c r="K21" s="152"/>
      <c r="L21" s="152"/>
      <c r="M21" s="152"/>
      <c r="N21" s="76"/>
      <c r="O21" s="73" t="s">
        <v>82</v>
      </c>
      <c r="P21" s="76"/>
    </row>
    <row r="22" spans="1:16" ht="12" customHeight="1" x14ac:dyDescent="0.25">
      <c r="A22" s="41" t="s">
        <v>5</v>
      </c>
      <c r="B22" s="148" t="s">
        <v>128</v>
      </c>
      <c r="C22" s="148"/>
      <c r="D22" s="148"/>
      <c r="E22" s="148"/>
      <c r="F22" s="148"/>
      <c r="G22" s="148"/>
      <c r="H22" s="148"/>
      <c r="I22" s="148"/>
      <c r="J22" s="148"/>
      <c r="K22" s="148"/>
      <c r="L22" s="148"/>
      <c r="M22" s="148"/>
      <c r="N22" s="84"/>
      <c r="O22" s="73" t="s">
        <v>82</v>
      </c>
      <c r="P22" s="84"/>
    </row>
    <row r="23" spans="1:16" x14ac:dyDescent="0.25">
      <c r="A23" s="36"/>
      <c r="B23" s="68" t="s">
        <v>280</v>
      </c>
      <c r="C23" s="50"/>
      <c r="D23" s="50"/>
      <c r="E23" s="50"/>
      <c r="F23" s="50"/>
      <c r="G23" s="50"/>
      <c r="H23" s="50"/>
      <c r="I23" s="49"/>
      <c r="J23" s="50"/>
      <c r="K23" s="49"/>
      <c r="L23" s="49"/>
      <c r="M23" s="49"/>
      <c r="N23" s="76"/>
      <c r="O23" s="76"/>
      <c r="P23" s="76"/>
    </row>
    <row r="24" spans="1:16" x14ac:dyDescent="0.25">
      <c r="I24" s="48"/>
    </row>
    <row r="25" spans="1:16" ht="12" customHeight="1" x14ac:dyDescent="0.25">
      <c r="A25" s="137" t="s">
        <v>20</v>
      </c>
      <c r="B25" s="137"/>
      <c r="C25" s="137"/>
      <c r="D25" s="137"/>
      <c r="E25" s="137"/>
      <c r="F25" s="137"/>
      <c r="G25" s="137"/>
      <c r="H25" s="137"/>
      <c r="I25" s="137"/>
      <c r="J25" s="137"/>
      <c r="K25" s="137"/>
      <c r="L25" s="137"/>
      <c r="M25" s="137"/>
      <c r="N25" s="137"/>
      <c r="O25" s="137"/>
      <c r="P25" s="137"/>
    </row>
    <row r="26" spans="1:16" ht="12" customHeight="1" x14ac:dyDescent="0.25">
      <c r="A26" s="26" t="s">
        <v>5</v>
      </c>
      <c r="B26" s="138" t="s">
        <v>87</v>
      </c>
      <c r="C26" s="138"/>
      <c r="D26" s="138"/>
      <c r="E26" s="138"/>
      <c r="F26" s="138"/>
      <c r="G26" s="138"/>
      <c r="H26" s="138"/>
      <c r="I26" s="138"/>
      <c r="J26" s="138"/>
      <c r="K26" s="138"/>
      <c r="L26" s="138"/>
      <c r="M26" s="138"/>
      <c r="N26" s="113"/>
    </row>
    <row r="27" spans="1:16" ht="12" customHeight="1" x14ac:dyDescent="0.25">
      <c r="A27" s="26" t="s">
        <v>5</v>
      </c>
      <c r="B27" s="138" t="s">
        <v>222</v>
      </c>
      <c r="C27" s="138"/>
      <c r="D27" s="138"/>
      <c r="E27" s="138"/>
      <c r="F27" s="138"/>
      <c r="G27" s="138"/>
      <c r="H27" s="138"/>
      <c r="I27" s="138"/>
      <c r="J27" s="138"/>
      <c r="K27" s="138"/>
      <c r="L27" s="138"/>
      <c r="M27" s="138"/>
      <c r="N27" s="138"/>
      <c r="O27" s="138"/>
      <c r="P27" s="138"/>
    </row>
    <row r="28" spans="1:16" ht="12" customHeight="1" x14ac:dyDescent="0.25">
      <c r="A28" s="26" t="s">
        <v>5</v>
      </c>
      <c r="B28" s="138" t="s">
        <v>223</v>
      </c>
      <c r="C28" s="138"/>
      <c r="D28" s="138"/>
      <c r="E28" s="138"/>
      <c r="F28" s="138"/>
      <c r="G28" s="138"/>
      <c r="H28" s="138"/>
      <c r="I28" s="138"/>
      <c r="J28" s="138"/>
      <c r="K28" s="138"/>
      <c r="L28" s="138"/>
      <c r="M28" s="138"/>
      <c r="N28" s="138"/>
      <c r="O28" s="138"/>
      <c r="P28" s="138"/>
    </row>
    <row r="29" spans="1:16" ht="12" customHeight="1" x14ac:dyDescent="0.25">
      <c r="A29" s="86" t="s">
        <v>5</v>
      </c>
      <c r="B29" s="135" t="s">
        <v>112</v>
      </c>
      <c r="C29" s="135"/>
      <c r="D29" s="135"/>
      <c r="E29" s="135"/>
      <c r="F29" s="135"/>
      <c r="G29" s="135"/>
      <c r="H29" s="135"/>
      <c r="I29" s="135"/>
      <c r="J29" s="135"/>
      <c r="K29" s="135"/>
      <c r="L29" s="135"/>
      <c r="M29" s="135"/>
      <c r="N29" s="135"/>
      <c r="O29" s="135"/>
      <c r="P29" s="135"/>
    </row>
    <row r="30" spans="1:16" x14ac:dyDescent="0.25">
      <c r="A30" s="26" t="s">
        <v>5</v>
      </c>
      <c r="B30" s="141" t="s">
        <v>64</v>
      </c>
      <c r="C30" s="141"/>
      <c r="D30" s="141"/>
      <c r="E30" s="141"/>
      <c r="F30" s="141"/>
      <c r="G30" s="141"/>
      <c r="H30" s="141"/>
      <c r="I30" s="141"/>
      <c r="J30" s="141"/>
      <c r="K30" s="141"/>
      <c r="L30" s="141"/>
      <c r="M30" s="141"/>
      <c r="N30" s="141"/>
      <c r="O30" s="141"/>
      <c r="P30" s="141"/>
    </row>
    <row r="31" spans="1:16" ht="26.25" customHeight="1" x14ac:dyDescent="0.25">
      <c r="A31" s="41" t="s">
        <v>5</v>
      </c>
      <c r="B31" s="144" t="s">
        <v>96</v>
      </c>
      <c r="C31" s="144"/>
      <c r="D31" s="144"/>
      <c r="E31" s="144"/>
      <c r="F31" s="144"/>
      <c r="G31" s="144"/>
      <c r="H31" s="144"/>
      <c r="I31" s="144"/>
      <c r="J31" s="144"/>
      <c r="K31" s="144"/>
      <c r="L31" s="144"/>
      <c r="M31" s="144"/>
      <c r="N31" s="144"/>
      <c r="O31" s="144"/>
      <c r="P31" s="144"/>
    </row>
    <row r="32" spans="1:16" x14ac:dyDescent="0.25">
      <c r="A32" s="41" t="s">
        <v>5</v>
      </c>
      <c r="B32" s="142" t="s">
        <v>67</v>
      </c>
      <c r="C32" s="142"/>
      <c r="D32" s="142"/>
      <c r="E32" s="142"/>
      <c r="F32" s="142"/>
      <c r="G32" s="142"/>
      <c r="H32" s="142"/>
      <c r="I32" s="142"/>
      <c r="J32" s="142"/>
      <c r="K32" s="142"/>
      <c r="L32" s="142"/>
      <c r="M32" s="142"/>
      <c r="N32" s="142"/>
      <c r="O32" s="142"/>
      <c r="P32" s="142"/>
    </row>
    <row r="33" spans="1:16" x14ac:dyDescent="0.25">
      <c r="A33" s="26" t="s">
        <v>5</v>
      </c>
      <c r="B33" s="69" t="s">
        <v>184</v>
      </c>
      <c r="C33" s="63"/>
      <c r="D33" s="63"/>
      <c r="E33" s="63"/>
      <c r="F33" s="63"/>
      <c r="G33" s="63"/>
      <c r="H33" s="63"/>
      <c r="I33" s="63"/>
      <c r="J33" s="63"/>
      <c r="K33" s="70"/>
      <c r="L33" s="70"/>
      <c r="M33" s="70"/>
      <c r="N33" s="70"/>
      <c r="O33" s="70"/>
      <c r="P33" s="70"/>
    </row>
    <row r="35" spans="1:16" x14ac:dyDescent="0.25">
      <c r="A35" s="75"/>
      <c r="B35" s="141" t="s">
        <v>21</v>
      </c>
      <c r="C35" s="141"/>
      <c r="D35" s="141"/>
      <c r="E35" s="141"/>
      <c r="F35" s="141"/>
      <c r="G35" s="141"/>
      <c r="H35" s="141"/>
      <c r="I35" s="141"/>
      <c r="J35" s="141"/>
      <c r="K35" s="141"/>
      <c r="L35" s="141"/>
      <c r="M35" s="141"/>
      <c r="N35" s="141"/>
      <c r="O35" s="141"/>
      <c r="P35" s="141"/>
    </row>
    <row r="36" spans="1:16" ht="25.5" customHeight="1" x14ac:dyDescent="0.25">
      <c r="A36" s="93"/>
      <c r="B36" s="139" t="s">
        <v>197</v>
      </c>
      <c r="C36" s="138"/>
      <c r="D36" s="138"/>
      <c r="E36" s="138"/>
      <c r="F36" s="138"/>
      <c r="G36" s="138"/>
      <c r="H36" s="138"/>
      <c r="I36" s="138"/>
      <c r="J36" s="138"/>
      <c r="K36" s="138"/>
      <c r="L36" s="138"/>
      <c r="M36" s="138"/>
      <c r="N36" s="138"/>
      <c r="O36" s="138"/>
      <c r="P36" s="138"/>
    </row>
    <row r="37" spans="1:16" ht="13.5" customHeight="1" x14ac:dyDescent="0.25"/>
    <row r="38" spans="1:16" ht="11.25" customHeight="1" x14ac:dyDescent="0.25">
      <c r="A38" s="137" t="s">
        <v>62</v>
      </c>
      <c r="B38" s="137"/>
      <c r="C38" s="137"/>
      <c r="D38" s="137"/>
      <c r="E38" s="137"/>
      <c r="F38" s="137"/>
      <c r="G38" s="137"/>
      <c r="H38" s="137"/>
      <c r="I38" s="137"/>
      <c r="J38" s="137"/>
      <c r="K38" s="137"/>
      <c r="L38" s="137"/>
      <c r="M38" s="137"/>
      <c r="N38" s="137"/>
      <c r="O38" s="137"/>
      <c r="P38" s="137"/>
    </row>
    <row r="39" spans="1:16" s="53" customFormat="1" x14ac:dyDescent="0.25">
      <c r="A39" s="41" t="s">
        <v>5</v>
      </c>
      <c r="B39" s="134" t="s">
        <v>63</v>
      </c>
      <c r="C39" s="134"/>
      <c r="D39" s="134"/>
      <c r="E39" s="134"/>
      <c r="F39" s="134"/>
      <c r="G39" s="134"/>
      <c r="H39" s="134"/>
      <c r="I39" s="134"/>
      <c r="J39" s="134"/>
      <c r="K39" s="134"/>
      <c r="L39" s="134"/>
      <c r="M39" s="134"/>
      <c r="N39" s="134"/>
      <c r="O39" s="134"/>
      <c r="P39" s="134"/>
    </row>
    <row r="40" spans="1:16" x14ac:dyDescent="0.25">
      <c r="A40" s="41" t="s">
        <v>5</v>
      </c>
      <c r="B40" s="138" t="s">
        <v>139</v>
      </c>
      <c r="C40" s="138"/>
      <c r="D40" s="138"/>
      <c r="E40" s="138"/>
      <c r="F40" s="138"/>
      <c r="G40" s="138"/>
      <c r="H40" s="138"/>
      <c r="I40" s="138"/>
      <c r="J40" s="138"/>
      <c r="K40" s="138"/>
      <c r="L40" s="138"/>
      <c r="M40" s="138"/>
      <c r="N40" s="138"/>
      <c r="O40" s="138"/>
      <c r="P40" s="138"/>
    </row>
    <row r="41" spans="1:16" s="53" customFormat="1" x14ac:dyDescent="0.25">
      <c r="A41" s="41" t="s">
        <v>5</v>
      </c>
      <c r="B41" s="135" t="s">
        <v>130</v>
      </c>
      <c r="C41" s="135"/>
      <c r="D41" s="135"/>
      <c r="E41" s="135"/>
      <c r="F41" s="135"/>
      <c r="G41" s="135"/>
      <c r="H41" s="135"/>
      <c r="I41" s="135"/>
      <c r="J41" s="135"/>
      <c r="K41" s="135"/>
      <c r="L41" s="135"/>
      <c r="M41" s="135"/>
      <c r="N41" s="135"/>
      <c r="O41" s="135"/>
      <c r="P41" s="135"/>
    </row>
    <row r="42" spans="1:16" x14ac:dyDescent="0.25">
      <c r="A42" s="41" t="s">
        <v>5</v>
      </c>
      <c r="B42" s="136" t="s">
        <v>129</v>
      </c>
      <c r="C42" s="136"/>
      <c r="D42" s="136"/>
      <c r="E42" s="136"/>
      <c r="F42" s="136"/>
      <c r="G42" s="136"/>
      <c r="H42" s="136"/>
      <c r="I42" s="136"/>
      <c r="J42" s="136"/>
      <c r="K42" s="136"/>
      <c r="L42" s="136"/>
      <c r="M42" s="136"/>
      <c r="N42" s="136"/>
      <c r="O42" s="136"/>
      <c r="P42" s="136"/>
    </row>
    <row r="43" spans="1:16" ht="25.5" customHeight="1" x14ac:dyDescent="0.25">
      <c r="A43" s="41" t="s">
        <v>5</v>
      </c>
      <c r="B43" s="136" t="s">
        <v>185</v>
      </c>
      <c r="C43" s="136"/>
      <c r="D43" s="136"/>
      <c r="E43" s="136"/>
      <c r="F43" s="136"/>
      <c r="G43" s="136"/>
      <c r="H43" s="136"/>
      <c r="I43" s="136"/>
      <c r="J43" s="136"/>
      <c r="K43" s="136"/>
      <c r="L43" s="136"/>
      <c r="M43" s="136"/>
      <c r="N43" s="136"/>
      <c r="O43" s="136"/>
      <c r="P43" s="136"/>
    </row>
    <row r="44" spans="1:16" ht="23.25" customHeight="1" x14ac:dyDescent="0.25">
      <c r="A44" s="41" t="s">
        <v>5</v>
      </c>
      <c r="B44" s="136" t="s">
        <v>186</v>
      </c>
      <c r="C44" s="136"/>
      <c r="D44" s="136"/>
      <c r="E44" s="136"/>
      <c r="F44" s="136"/>
      <c r="G44" s="136"/>
      <c r="H44" s="136"/>
      <c r="I44" s="136"/>
      <c r="J44" s="136"/>
      <c r="K44" s="136"/>
      <c r="L44" s="136"/>
      <c r="M44" s="136"/>
      <c r="N44" s="136"/>
      <c r="O44" s="136"/>
      <c r="P44" s="136"/>
    </row>
    <row r="45" spans="1:16" ht="26.25" customHeight="1" x14ac:dyDescent="0.25">
      <c r="A45" s="41" t="s">
        <v>135</v>
      </c>
      <c r="B45" s="136" t="s">
        <v>187</v>
      </c>
      <c r="C45" s="136"/>
      <c r="D45" s="136"/>
      <c r="E45" s="136"/>
      <c r="F45" s="136"/>
      <c r="G45" s="136"/>
      <c r="H45" s="136"/>
      <c r="I45" s="136"/>
      <c r="J45" s="136"/>
      <c r="K45" s="136"/>
      <c r="L45" s="136"/>
      <c r="M45" s="136"/>
      <c r="N45" s="136"/>
      <c r="O45" s="136"/>
      <c r="P45" s="136"/>
    </row>
    <row r="46" spans="1:16" ht="25.5" customHeight="1" x14ac:dyDescent="0.25">
      <c r="A46" s="41" t="s">
        <v>136</v>
      </c>
      <c r="B46" s="136" t="s">
        <v>188</v>
      </c>
      <c r="C46" s="136"/>
      <c r="D46" s="136"/>
      <c r="E46" s="136"/>
      <c r="F46" s="136"/>
      <c r="G46" s="136"/>
      <c r="H46" s="136"/>
      <c r="I46" s="136"/>
      <c r="J46" s="136"/>
      <c r="K46" s="136"/>
      <c r="L46" s="136"/>
      <c r="M46" s="136"/>
      <c r="N46" s="136"/>
      <c r="O46" s="136"/>
      <c r="P46" s="136"/>
    </row>
    <row r="47" spans="1:16" x14ac:dyDescent="0.25">
      <c r="A47" s="36" t="s">
        <v>5</v>
      </c>
      <c r="B47" s="147" t="s">
        <v>181</v>
      </c>
      <c r="C47" s="147"/>
      <c r="D47" s="147"/>
      <c r="E47" s="147"/>
      <c r="F47" s="147"/>
      <c r="G47" s="147"/>
      <c r="H47" s="147"/>
      <c r="I47" s="147"/>
      <c r="J47" s="147"/>
      <c r="K47" s="147"/>
      <c r="L47" s="147"/>
      <c r="M47" s="147"/>
      <c r="N47" s="147"/>
      <c r="O47" s="147"/>
      <c r="P47" s="147"/>
    </row>
    <row r="48" spans="1:16" s="53" customFormat="1" x14ac:dyDescent="0.25">
      <c r="A48" s="36" t="s">
        <v>5</v>
      </c>
      <c r="B48" s="147" t="s">
        <v>88</v>
      </c>
      <c r="C48" s="147"/>
      <c r="D48" s="147"/>
      <c r="E48" s="147"/>
      <c r="F48" s="147"/>
      <c r="G48" s="147"/>
      <c r="H48" s="147"/>
      <c r="I48" s="147"/>
      <c r="J48" s="147"/>
      <c r="K48" s="147"/>
      <c r="L48" s="147"/>
      <c r="M48" s="147"/>
      <c r="N48" s="147"/>
      <c r="O48" s="147"/>
      <c r="P48" s="147"/>
    </row>
    <row r="49" spans="1:256" s="49" customFormat="1" ht="12" customHeight="1" x14ac:dyDescent="0.25">
      <c r="A49" s="41" t="s">
        <v>5</v>
      </c>
      <c r="B49" s="147" t="s">
        <v>22</v>
      </c>
      <c r="C49" s="147"/>
      <c r="D49" s="147"/>
      <c r="E49" s="147"/>
      <c r="F49" s="147"/>
      <c r="G49" s="147"/>
      <c r="H49" s="147"/>
      <c r="I49" s="147"/>
      <c r="J49" s="147"/>
      <c r="K49" s="147"/>
      <c r="L49" s="147"/>
      <c r="M49" s="147"/>
      <c r="N49" s="147"/>
      <c r="O49" s="147"/>
    </row>
    <row r="50" spans="1:256" x14ac:dyDescent="0.25">
      <c r="A50" s="41"/>
      <c r="B50" s="54"/>
      <c r="C50" s="54"/>
      <c r="D50" s="54"/>
      <c r="E50" s="54"/>
      <c r="F50" s="54"/>
      <c r="G50" s="54"/>
      <c r="H50" s="54"/>
      <c r="I50" s="54"/>
      <c r="J50" s="54"/>
      <c r="K50" s="54"/>
      <c r="L50" s="54"/>
      <c r="M50" s="54"/>
      <c r="N50" s="54"/>
      <c r="O50" s="54"/>
      <c r="P50" s="54"/>
    </row>
    <row r="51" spans="1:256" ht="11.25" customHeight="1" x14ac:dyDescent="0.25">
      <c r="A51" s="137" t="s">
        <v>134</v>
      </c>
      <c r="B51" s="137"/>
      <c r="C51" s="137"/>
      <c r="D51" s="137"/>
      <c r="E51" s="137"/>
      <c r="F51" s="137"/>
      <c r="G51" s="137"/>
      <c r="H51" s="137"/>
      <c r="I51" s="137"/>
      <c r="J51" s="137"/>
      <c r="K51" s="137"/>
      <c r="L51" s="137"/>
      <c r="M51" s="137"/>
      <c r="N51" s="137"/>
      <c r="O51" s="137"/>
      <c r="P51" s="137"/>
    </row>
    <row r="52" spans="1:256" s="53" customFormat="1" x14ac:dyDescent="0.25">
      <c r="A52" s="55"/>
      <c r="B52" s="74"/>
      <c r="C52" s="74"/>
      <c r="D52" s="74"/>
      <c r="E52" s="74"/>
      <c r="F52" s="74"/>
      <c r="G52" s="74"/>
      <c r="H52" s="74"/>
      <c r="I52" s="74"/>
      <c r="J52" s="74"/>
      <c r="K52" s="74"/>
      <c r="L52" s="74"/>
      <c r="M52" s="74"/>
      <c r="N52" s="74"/>
      <c r="O52" s="74"/>
      <c r="P52" s="74"/>
    </row>
    <row r="53" spans="1:256" x14ac:dyDescent="0.25">
      <c r="A53" s="41"/>
      <c r="B53" s="82" t="s">
        <v>115</v>
      </c>
      <c r="C53" s="80"/>
      <c r="D53" s="80"/>
      <c r="E53" s="80"/>
      <c r="F53" s="80"/>
      <c r="G53" s="80"/>
      <c r="H53" s="80"/>
      <c r="I53" s="80"/>
      <c r="J53" s="80"/>
      <c r="K53" s="80"/>
      <c r="L53" s="80"/>
      <c r="M53" s="80"/>
      <c r="N53" s="80"/>
      <c r="O53" s="80"/>
      <c r="P53" s="80"/>
    </row>
    <row r="54" spans="1:256" ht="8.25" customHeight="1" x14ac:dyDescent="0.25">
      <c r="A54" s="41"/>
      <c r="B54" s="81"/>
      <c r="C54" s="80"/>
      <c r="D54" s="80"/>
      <c r="E54" s="80"/>
      <c r="F54" s="80"/>
      <c r="G54" s="80"/>
      <c r="H54" s="80"/>
      <c r="I54" s="80"/>
      <c r="J54" s="80"/>
      <c r="K54" s="80"/>
      <c r="L54" s="80"/>
      <c r="M54" s="80"/>
      <c r="N54" s="80"/>
      <c r="O54" s="80"/>
      <c r="P54" s="80"/>
    </row>
    <row r="55" spans="1:256" ht="65.25" customHeight="1" x14ac:dyDescent="0.25">
      <c r="A55" s="41"/>
      <c r="B55" s="136" t="s">
        <v>232</v>
      </c>
      <c r="C55" s="136"/>
      <c r="D55" s="136"/>
      <c r="E55" s="136"/>
      <c r="F55" s="136"/>
      <c r="G55" s="136"/>
      <c r="H55" s="136"/>
      <c r="I55" s="136"/>
      <c r="J55" s="136"/>
      <c r="K55" s="136"/>
      <c r="L55" s="136"/>
      <c r="M55" s="136"/>
      <c r="N55" s="136"/>
      <c r="O55" s="136"/>
      <c r="P55" s="136"/>
    </row>
    <row r="56" spans="1:256" s="53" customFormat="1" x14ac:dyDescent="0.25">
      <c r="A56" s="55"/>
      <c r="B56" s="57"/>
      <c r="C56" s="57"/>
      <c r="D56" s="57"/>
      <c r="E56" s="57"/>
      <c r="F56" s="57"/>
      <c r="G56" s="57"/>
      <c r="H56" s="57"/>
      <c r="I56" s="57"/>
      <c r="J56" s="57"/>
      <c r="K56" s="57"/>
      <c r="L56" s="57"/>
      <c r="M56" s="57"/>
      <c r="N56" s="57"/>
      <c r="O56" s="57"/>
      <c r="P56" s="57"/>
    </row>
    <row r="57" spans="1:256" ht="12" customHeight="1" x14ac:dyDescent="0.25">
      <c r="A57" s="137" t="s">
        <v>25</v>
      </c>
      <c r="B57" s="137"/>
      <c r="C57" s="137"/>
      <c r="D57" s="137"/>
      <c r="E57" s="137"/>
      <c r="F57" s="137"/>
      <c r="G57" s="137"/>
      <c r="H57" s="137"/>
      <c r="I57" s="137"/>
      <c r="J57" s="137"/>
      <c r="K57" s="137"/>
      <c r="L57" s="137"/>
      <c r="M57" s="137"/>
      <c r="N57" s="137"/>
      <c r="O57" s="137"/>
      <c r="P57" s="137"/>
    </row>
    <row r="59" spans="1:256" ht="29.25" customHeight="1" x14ac:dyDescent="0.25">
      <c r="B59" s="162"/>
      <c r="C59" s="162"/>
      <c r="D59" s="125" t="s">
        <v>133</v>
      </c>
      <c r="E59" s="127"/>
      <c r="F59" s="127"/>
      <c r="G59" s="127"/>
      <c r="H59" s="127"/>
      <c r="I59" s="127"/>
      <c r="J59" s="127"/>
      <c r="K59" s="127"/>
      <c r="L59" s="127"/>
      <c r="M59" s="127"/>
      <c r="N59" s="127"/>
      <c r="O59" s="127"/>
    </row>
    <row r="60" spans="1:256" x14ac:dyDescent="0.25">
      <c r="B60" s="163" t="s">
        <v>196</v>
      </c>
      <c r="C60" s="163"/>
      <c r="D60" s="111">
        <v>350</v>
      </c>
      <c r="E60" s="128"/>
      <c r="F60" s="128"/>
      <c r="G60" s="128"/>
      <c r="H60" s="128"/>
      <c r="I60" s="128"/>
      <c r="J60" s="128"/>
      <c r="K60" s="128"/>
      <c r="L60" s="128"/>
      <c r="M60" s="128"/>
      <c r="N60" s="128"/>
      <c r="O60" s="128"/>
    </row>
    <row r="62" spans="1:256" s="49" customFormat="1" ht="12" customHeight="1" x14ac:dyDescent="0.25">
      <c r="A62" s="137" t="s">
        <v>138</v>
      </c>
      <c r="B62" s="137"/>
      <c r="C62" s="137"/>
      <c r="D62" s="137"/>
      <c r="E62" s="137"/>
      <c r="F62" s="137"/>
      <c r="G62" s="137"/>
      <c r="H62" s="137"/>
      <c r="I62" s="137"/>
      <c r="J62" s="137"/>
      <c r="K62" s="137"/>
      <c r="L62" s="137"/>
      <c r="M62" s="137"/>
      <c r="N62" s="137"/>
      <c r="O62" s="137"/>
      <c r="P62" s="137"/>
      <c r="Q62" s="156" t="s">
        <v>27</v>
      </c>
      <c r="R62" s="156"/>
      <c r="S62" s="156"/>
      <c r="T62" s="156"/>
      <c r="U62" s="156"/>
      <c r="V62" s="156"/>
      <c r="W62" s="156"/>
      <c r="X62" s="156"/>
      <c r="Y62" s="156"/>
      <c r="Z62" s="156"/>
      <c r="AA62" s="156"/>
      <c r="AB62" s="156"/>
      <c r="AC62" s="156"/>
      <c r="AD62" s="156"/>
      <c r="AE62" s="156"/>
      <c r="AF62" s="156"/>
      <c r="AG62" s="156" t="s">
        <v>27</v>
      </c>
      <c r="AH62" s="156"/>
      <c r="AI62" s="156"/>
      <c r="AJ62" s="156"/>
      <c r="AK62" s="156"/>
      <c r="AL62" s="156"/>
      <c r="AM62" s="156"/>
      <c r="AN62" s="156"/>
      <c r="AO62" s="156"/>
      <c r="AP62" s="156"/>
      <c r="AQ62" s="156"/>
      <c r="AR62" s="156"/>
      <c r="AS62" s="156"/>
      <c r="AT62" s="156"/>
      <c r="AU62" s="156"/>
      <c r="AV62" s="156"/>
      <c r="AW62" s="156" t="s">
        <v>27</v>
      </c>
      <c r="AX62" s="156"/>
      <c r="AY62" s="156"/>
      <c r="AZ62" s="156"/>
      <c r="BA62" s="156"/>
      <c r="BB62" s="156"/>
      <c r="BC62" s="156"/>
      <c r="BD62" s="156"/>
      <c r="BE62" s="156"/>
      <c r="BF62" s="156"/>
      <c r="BG62" s="156"/>
      <c r="BH62" s="156"/>
      <c r="BI62" s="156"/>
      <c r="BJ62" s="156"/>
      <c r="BK62" s="156"/>
      <c r="BL62" s="156"/>
      <c r="BM62" s="156" t="s">
        <v>27</v>
      </c>
      <c r="BN62" s="156"/>
      <c r="BO62" s="156"/>
      <c r="BP62" s="156"/>
      <c r="BQ62" s="156"/>
      <c r="BR62" s="156"/>
      <c r="BS62" s="156"/>
      <c r="BT62" s="156"/>
      <c r="BU62" s="156"/>
      <c r="BV62" s="156"/>
      <c r="BW62" s="156"/>
      <c r="BX62" s="156"/>
      <c r="BY62" s="156"/>
      <c r="BZ62" s="156"/>
      <c r="CA62" s="156"/>
      <c r="CB62" s="156"/>
      <c r="CC62" s="156" t="s">
        <v>27</v>
      </c>
      <c r="CD62" s="156"/>
      <c r="CE62" s="156"/>
      <c r="CF62" s="156"/>
      <c r="CG62" s="156"/>
      <c r="CH62" s="156"/>
      <c r="CI62" s="156"/>
      <c r="CJ62" s="156"/>
      <c r="CK62" s="156"/>
      <c r="CL62" s="156"/>
      <c r="CM62" s="156"/>
      <c r="CN62" s="156"/>
      <c r="CO62" s="156"/>
      <c r="CP62" s="156"/>
      <c r="CQ62" s="156"/>
      <c r="CR62" s="156"/>
      <c r="CS62" s="156" t="s">
        <v>27</v>
      </c>
      <c r="CT62" s="156"/>
      <c r="CU62" s="156"/>
      <c r="CV62" s="156"/>
      <c r="CW62" s="156"/>
      <c r="CX62" s="156"/>
      <c r="CY62" s="156"/>
      <c r="CZ62" s="156"/>
      <c r="DA62" s="156"/>
      <c r="DB62" s="156"/>
      <c r="DC62" s="156"/>
      <c r="DD62" s="156"/>
      <c r="DE62" s="156"/>
      <c r="DF62" s="156"/>
      <c r="DG62" s="156"/>
      <c r="DH62" s="156"/>
      <c r="DI62" s="156" t="s">
        <v>27</v>
      </c>
      <c r="DJ62" s="156"/>
      <c r="DK62" s="156"/>
      <c r="DL62" s="156"/>
      <c r="DM62" s="156"/>
      <c r="DN62" s="156"/>
      <c r="DO62" s="156"/>
      <c r="DP62" s="156"/>
      <c r="DQ62" s="156"/>
      <c r="DR62" s="156"/>
      <c r="DS62" s="156"/>
      <c r="DT62" s="156"/>
      <c r="DU62" s="156"/>
      <c r="DV62" s="156"/>
      <c r="DW62" s="156"/>
      <c r="DX62" s="156"/>
      <c r="DY62" s="156" t="s">
        <v>27</v>
      </c>
      <c r="DZ62" s="156"/>
      <c r="EA62" s="156"/>
      <c r="EB62" s="156"/>
      <c r="EC62" s="156"/>
      <c r="ED62" s="156"/>
      <c r="EE62" s="156"/>
      <c r="EF62" s="156"/>
      <c r="EG62" s="156"/>
      <c r="EH62" s="156"/>
      <c r="EI62" s="156"/>
      <c r="EJ62" s="156"/>
      <c r="EK62" s="156"/>
      <c r="EL62" s="156"/>
      <c r="EM62" s="156"/>
      <c r="EN62" s="156"/>
      <c r="EO62" s="156" t="s">
        <v>27</v>
      </c>
      <c r="EP62" s="156"/>
      <c r="EQ62" s="156"/>
      <c r="ER62" s="156"/>
      <c r="ES62" s="156"/>
      <c r="ET62" s="156"/>
      <c r="EU62" s="156"/>
      <c r="EV62" s="156"/>
      <c r="EW62" s="156"/>
      <c r="EX62" s="156"/>
      <c r="EY62" s="156"/>
      <c r="EZ62" s="156"/>
      <c r="FA62" s="156"/>
      <c r="FB62" s="156"/>
      <c r="FC62" s="156"/>
      <c r="FD62" s="156"/>
      <c r="FE62" s="156" t="s">
        <v>27</v>
      </c>
      <c r="FF62" s="156"/>
      <c r="FG62" s="156"/>
      <c r="FH62" s="156"/>
      <c r="FI62" s="156"/>
      <c r="FJ62" s="156"/>
      <c r="FK62" s="156"/>
      <c r="FL62" s="156"/>
      <c r="FM62" s="156"/>
      <c r="FN62" s="156"/>
      <c r="FO62" s="156"/>
      <c r="FP62" s="156"/>
      <c r="FQ62" s="156"/>
      <c r="FR62" s="156"/>
      <c r="FS62" s="156"/>
      <c r="FT62" s="156"/>
      <c r="FU62" s="156" t="s">
        <v>27</v>
      </c>
      <c r="FV62" s="156"/>
      <c r="FW62" s="156"/>
      <c r="FX62" s="156"/>
      <c r="FY62" s="156"/>
      <c r="FZ62" s="156"/>
      <c r="GA62" s="156"/>
      <c r="GB62" s="156"/>
      <c r="GC62" s="156"/>
      <c r="GD62" s="156"/>
      <c r="GE62" s="156"/>
      <c r="GF62" s="156"/>
      <c r="GG62" s="156"/>
      <c r="GH62" s="156"/>
      <c r="GI62" s="156"/>
      <c r="GJ62" s="156"/>
      <c r="GK62" s="156" t="s">
        <v>27</v>
      </c>
      <c r="GL62" s="156"/>
      <c r="GM62" s="156"/>
      <c r="GN62" s="156"/>
      <c r="GO62" s="156"/>
      <c r="GP62" s="156"/>
      <c r="GQ62" s="156"/>
      <c r="GR62" s="156"/>
      <c r="GS62" s="156"/>
      <c r="GT62" s="156"/>
      <c r="GU62" s="156"/>
      <c r="GV62" s="156"/>
      <c r="GW62" s="156"/>
      <c r="GX62" s="156"/>
      <c r="GY62" s="156"/>
      <c r="GZ62" s="156"/>
      <c r="HA62" s="156" t="s">
        <v>27</v>
      </c>
      <c r="HB62" s="156"/>
      <c r="HC62" s="156"/>
      <c r="HD62" s="156"/>
      <c r="HE62" s="156"/>
      <c r="HF62" s="156"/>
      <c r="HG62" s="156"/>
      <c r="HH62" s="156"/>
      <c r="HI62" s="156"/>
      <c r="HJ62" s="156"/>
      <c r="HK62" s="156"/>
      <c r="HL62" s="156"/>
      <c r="HM62" s="156"/>
      <c r="HN62" s="156"/>
      <c r="HO62" s="156"/>
      <c r="HP62" s="156"/>
      <c r="HQ62" s="156" t="s">
        <v>27</v>
      </c>
      <c r="HR62" s="156"/>
      <c r="HS62" s="156"/>
      <c r="HT62" s="156"/>
      <c r="HU62" s="156"/>
      <c r="HV62" s="156"/>
      <c r="HW62" s="156"/>
      <c r="HX62" s="156"/>
      <c r="HY62" s="156"/>
      <c r="HZ62" s="156"/>
      <c r="IA62" s="156"/>
      <c r="IB62" s="156"/>
      <c r="IC62" s="156"/>
      <c r="ID62" s="156"/>
      <c r="IE62" s="156"/>
      <c r="IF62" s="156"/>
      <c r="IG62" s="156" t="s">
        <v>27</v>
      </c>
      <c r="IH62" s="156"/>
      <c r="II62" s="156"/>
      <c r="IJ62" s="156"/>
      <c r="IK62" s="156"/>
      <c r="IL62" s="156"/>
      <c r="IM62" s="156"/>
      <c r="IN62" s="156"/>
      <c r="IO62" s="156"/>
      <c r="IP62" s="156"/>
      <c r="IQ62" s="156"/>
      <c r="IR62" s="156"/>
      <c r="IS62" s="156"/>
      <c r="IT62" s="156"/>
      <c r="IU62" s="156"/>
      <c r="IV62" s="156"/>
    </row>
    <row r="63" spans="1:256" x14ac:dyDescent="0.25">
      <c r="A63" s="26" t="s">
        <v>5</v>
      </c>
      <c r="B63" s="75" t="s">
        <v>31</v>
      </c>
    </row>
    <row r="64" spans="1:256" x14ac:dyDescent="0.25">
      <c r="B64" s="75"/>
      <c r="C64" s="99"/>
      <c r="D64" s="100"/>
      <c r="E64" s="100"/>
      <c r="F64" s="100"/>
      <c r="G64" s="100"/>
      <c r="H64" s="100"/>
      <c r="I64" s="100"/>
      <c r="J64" s="100"/>
      <c r="K64" s="100"/>
      <c r="L64" s="100"/>
      <c r="M64" s="100"/>
      <c r="N64" s="100"/>
      <c r="O64" s="100"/>
    </row>
    <row r="65" spans="3:15" x14ac:dyDescent="0.25">
      <c r="C65" s="101"/>
      <c r="D65" s="102"/>
      <c r="E65" s="102"/>
      <c r="F65" s="102"/>
      <c r="G65" s="102"/>
      <c r="H65" s="102"/>
      <c r="I65" s="102"/>
      <c r="J65" s="102"/>
      <c r="K65" s="102"/>
      <c r="L65" s="102"/>
      <c r="M65" s="102"/>
      <c r="N65" s="102"/>
      <c r="O65" s="102"/>
    </row>
    <row r="68" spans="3:15" x14ac:dyDescent="0.25">
      <c r="D68" s="62"/>
    </row>
    <row r="150" spans="1:256" s="26" customFormat="1" x14ac:dyDescent="0.25">
      <c r="A150" s="63"/>
      <c r="B150" s="63"/>
      <c r="C150" s="63"/>
      <c r="D150" s="63"/>
      <c r="E150" s="63"/>
      <c r="F150" s="63"/>
      <c r="G150" s="63"/>
      <c r="H150" s="63"/>
      <c r="I150" s="63"/>
      <c r="K150" s="28"/>
      <c r="L150" s="28"/>
      <c r="M150" s="28"/>
      <c r="N150" s="28"/>
      <c r="O150" s="28"/>
      <c r="P150" s="28"/>
      <c r="Q150" s="28"/>
      <c r="R150" s="28"/>
      <c r="S150" s="28"/>
      <c r="T150" s="28"/>
      <c r="U150" s="28"/>
      <c r="V150" s="28"/>
      <c r="W150" s="28"/>
      <c r="X150" s="28"/>
      <c r="Y150" s="28"/>
      <c r="Z150" s="28"/>
      <c r="AA150" s="28"/>
      <c r="AB150" s="28"/>
      <c r="AC150" s="28"/>
      <c r="AD150" s="28"/>
      <c r="AE150" s="28"/>
      <c r="AF150" s="28"/>
      <c r="AG150" s="28"/>
      <c r="AH150" s="28"/>
      <c r="AI150" s="28"/>
      <c r="AJ150" s="28"/>
      <c r="AK150" s="28"/>
      <c r="AL150" s="28"/>
      <c r="AM150" s="28"/>
      <c r="AN150" s="28"/>
      <c r="AO150" s="28"/>
      <c r="AP150" s="28"/>
      <c r="AQ150" s="28"/>
      <c r="AR150" s="28"/>
      <c r="AS150" s="28"/>
      <c r="AT150" s="28"/>
      <c r="AU150" s="28"/>
      <c r="AV150" s="28"/>
      <c r="AW150" s="28"/>
      <c r="AX150" s="28"/>
      <c r="AY150" s="28"/>
      <c r="AZ150" s="28"/>
      <c r="BA150" s="28"/>
      <c r="BB150" s="28"/>
      <c r="BC150" s="28"/>
      <c r="BD150" s="28"/>
      <c r="BE150" s="28"/>
      <c r="BF150" s="28"/>
      <c r="BG150" s="28"/>
      <c r="BH150" s="28"/>
      <c r="BI150" s="28"/>
      <c r="BJ150" s="28"/>
      <c r="BK150" s="28"/>
      <c r="BL150" s="28"/>
      <c r="BM150" s="28"/>
      <c r="BN150" s="28"/>
      <c r="BO150" s="28"/>
      <c r="BP150" s="28"/>
      <c r="BQ150" s="28"/>
      <c r="BR150" s="28"/>
      <c r="BS150" s="28"/>
      <c r="BT150" s="28"/>
      <c r="BU150" s="28"/>
      <c r="BV150" s="28"/>
      <c r="BW150" s="28"/>
      <c r="BX150" s="28"/>
      <c r="BY150" s="28"/>
      <c r="BZ150" s="28"/>
      <c r="CA150" s="28"/>
      <c r="CB150" s="28"/>
      <c r="CC150" s="28"/>
      <c r="CD150" s="28"/>
      <c r="CE150" s="28"/>
      <c r="CF150" s="28"/>
      <c r="CG150" s="28"/>
      <c r="CH150" s="28"/>
      <c r="CI150" s="28"/>
      <c r="CJ150" s="28"/>
      <c r="CK150" s="28"/>
      <c r="CL150" s="28"/>
      <c r="CM150" s="28"/>
      <c r="CN150" s="28"/>
      <c r="CO150" s="28"/>
      <c r="CP150" s="28"/>
      <c r="CQ150" s="28"/>
      <c r="CR150" s="28"/>
      <c r="CS150" s="28"/>
      <c r="CT150" s="28"/>
      <c r="CU150" s="28"/>
      <c r="CV150" s="28"/>
      <c r="CW150" s="28"/>
      <c r="CX150" s="28"/>
      <c r="CY150" s="28"/>
      <c r="CZ150" s="28"/>
      <c r="DA150" s="28"/>
      <c r="DB150" s="28"/>
      <c r="DC150" s="28"/>
      <c r="DD150" s="28"/>
      <c r="DE150" s="28"/>
      <c r="DF150" s="28"/>
      <c r="DG150" s="28"/>
      <c r="DH150" s="28"/>
      <c r="DI150" s="28"/>
      <c r="DJ150" s="28"/>
      <c r="DK150" s="28"/>
      <c r="DL150" s="28"/>
      <c r="DM150" s="28"/>
      <c r="DN150" s="28"/>
      <c r="DO150" s="28"/>
      <c r="DP150" s="28"/>
      <c r="DQ150" s="28"/>
      <c r="DR150" s="28"/>
      <c r="DS150" s="28"/>
      <c r="DT150" s="28"/>
      <c r="DU150" s="28"/>
      <c r="DV150" s="28"/>
      <c r="DW150" s="28"/>
      <c r="DX150" s="28"/>
      <c r="DY150" s="28"/>
      <c r="DZ150" s="28"/>
      <c r="EA150" s="28"/>
      <c r="EB150" s="28"/>
      <c r="EC150" s="28"/>
      <c r="ED150" s="28"/>
      <c r="EE150" s="28"/>
      <c r="EF150" s="28"/>
      <c r="EG150" s="28"/>
      <c r="EH150" s="28"/>
      <c r="EI150" s="28"/>
      <c r="EJ150" s="28"/>
      <c r="EK150" s="28"/>
      <c r="EL150" s="28"/>
      <c r="EM150" s="28"/>
      <c r="EN150" s="28"/>
      <c r="EO150" s="28"/>
      <c r="EP150" s="28"/>
      <c r="EQ150" s="28"/>
      <c r="ER150" s="28"/>
      <c r="ES150" s="28"/>
      <c r="ET150" s="28"/>
      <c r="EU150" s="28"/>
      <c r="EV150" s="28"/>
      <c r="EW150" s="28"/>
      <c r="EX150" s="28"/>
      <c r="EY150" s="28"/>
      <c r="EZ150" s="28"/>
      <c r="FA150" s="28"/>
      <c r="FB150" s="28"/>
      <c r="FC150" s="28"/>
      <c r="FD150" s="28"/>
      <c r="FE150" s="28"/>
      <c r="FF150" s="28"/>
      <c r="FG150" s="28"/>
      <c r="FH150" s="28"/>
      <c r="FI150" s="28"/>
      <c r="FJ150" s="28"/>
      <c r="FK150" s="28"/>
      <c r="FL150" s="28"/>
      <c r="FM150" s="28"/>
      <c r="FN150" s="28"/>
      <c r="FO150" s="28"/>
      <c r="FP150" s="28"/>
      <c r="FQ150" s="28"/>
      <c r="FR150" s="28"/>
      <c r="FS150" s="28"/>
      <c r="FT150" s="28"/>
      <c r="FU150" s="28"/>
      <c r="FV150" s="28"/>
      <c r="FW150" s="28"/>
      <c r="FX150" s="28"/>
      <c r="FY150" s="28"/>
      <c r="FZ150" s="28"/>
      <c r="GA150" s="28"/>
      <c r="GB150" s="28"/>
      <c r="GC150" s="28"/>
      <c r="GD150" s="28"/>
      <c r="GE150" s="28"/>
      <c r="GF150" s="28"/>
      <c r="GG150" s="28"/>
      <c r="GH150" s="28"/>
      <c r="GI150" s="28"/>
      <c r="GJ150" s="28"/>
      <c r="GK150" s="28"/>
      <c r="GL150" s="28"/>
      <c r="GM150" s="28"/>
      <c r="GN150" s="28"/>
      <c r="GO150" s="28"/>
      <c r="GP150" s="28"/>
      <c r="GQ150" s="28"/>
      <c r="GR150" s="28"/>
      <c r="GS150" s="28"/>
      <c r="GT150" s="28"/>
      <c r="GU150" s="28"/>
      <c r="GV150" s="28"/>
      <c r="GW150" s="28"/>
      <c r="GX150" s="28"/>
      <c r="GY150" s="28"/>
      <c r="GZ150" s="28"/>
      <c r="HA150" s="28"/>
      <c r="HB150" s="28"/>
      <c r="HC150" s="28"/>
      <c r="HD150" s="28"/>
      <c r="HE150" s="28"/>
      <c r="HF150" s="28"/>
      <c r="HG150" s="28"/>
      <c r="HH150" s="28"/>
      <c r="HI150" s="28"/>
      <c r="HJ150" s="28"/>
      <c r="HK150" s="28"/>
      <c r="HL150" s="28"/>
      <c r="HM150" s="28"/>
      <c r="HN150" s="28"/>
      <c r="HO150" s="28"/>
      <c r="HP150" s="28"/>
      <c r="HQ150" s="28"/>
      <c r="HR150" s="28"/>
      <c r="HS150" s="28"/>
      <c r="HT150" s="28"/>
      <c r="HU150" s="28"/>
      <c r="HV150" s="28"/>
      <c r="HW150" s="28"/>
      <c r="HX150" s="28"/>
      <c r="HY150" s="28"/>
      <c r="HZ150" s="28"/>
      <c r="IA150" s="28"/>
      <c r="IB150" s="28"/>
      <c r="IC150" s="28"/>
      <c r="ID150" s="28"/>
      <c r="IE150" s="28"/>
      <c r="IF150" s="28"/>
      <c r="IG150" s="28"/>
      <c r="IH150" s="28"/>
      <c r="II150" s="28"/>
      <c r="IJ150" s="28"/>
      <c r="IK150" s="28"/>
      <c r="IL150" s="28"/>
      <c r="IM150" s="28"/>
      <c r="IN150" s="28"/>
      <c r="IO150" s="28"/>
      <c r="IP150" s="28"/>
      <c r="IQ150" s="28"/>
      <c r="IR150" s="28"/>
      <c r="IS150" s="28"/>
      <c r="IT150" s="28"/>
      <c r="IU150" s="28"/>
      <c r="IV150" s="28"/>
    </row>
  </sheetData>
  <mergeCells count="50">
    <mergeCell ref="Q62:AF62"/>
    <mergeCell ref="AG62:AV62"/>
    <mergeCell ref="AW62:BL62"/>
    <mergeCell ref="A57:P57"/>
    <mergeCell ref="B59:C59"/>
    <mergeCell ref="B60:C60"/>
    <mergeCell ref="A62:P62"/>
    <mergeCell ref="IG62:IV62"/>
    <mergeCell ref="BM62:CB62"/>
    <mergeCell ref="CC62:CR62"/>
    <mergeCell ref="CS62:DH62"/>
    <mergeCell ref="DI62:DX62"/>
    <mergeCell ref="DY62:EN62"/>
    <mergeCell ref="EO62:FD62"/>
    <mergeCell ref="FE62:FT62"/>
    <mergeCell ref="FU62:GJ62"/>
    <mergeCell ref="GK62:GZ62"/>
    <mergeCell ref="HA62:HP62"/>
    <mergeCell ref="HQ62:IF62"/>
    <mergeCell ref="B55:P55"/>
    <mergeCell ref="B43:P43"/>
    <mergeCell ref="B44:P44"/>
    <mergeCell ref="B45:P45"/>
    <mergeCell ref="B46:P46"/>
    <mergeCell ref="B48:P48"/>
    <mergeCell ref="B49:O49"/>
    <mergeCell ref="B47:P47"/>
    <mergeCell ref="A4:P4"/>
    <mergeCell ref="A9:P9"/>
    <mergeCell ref="B14:M14"/>
    <mergeCell ref="B15:M15"/>
    <mergeCell ref="A51:P51"/>
    <mergeCell ref="B41:P41"/>
    <mergeCell ref="B42:P42"/>
    <mergeCell ref="A38:P38"/>
    <mergeCell ref="B39:P39"/>
    <mergeCell ref="B40:P40"/>
    <mergeCell ref="B30:P30"/>
    <mergeCell ref="B31:P31"/>
    <mergeCell ref="B32:P32"/>
    <mergeCell ref="B35:P35"/>
    <mergeCell ref="B36:P36"/>
    <mergeCell ref="B29:P29"/>
    <mergeCell ref="B28:P28"/>
    <mergeCell ref="A18:P18"/>
    <mergeCell ref="B21:M21"/>
    <mergeCell ref="B22:M22"/>
    <mergeCell ref="A25:P25"/>
    <mergeCell ref="B26:M26"/>
    <mergeCell ref="B27:P27"/>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0">
    <pageSetUpPr fitToPage="1"/>
  </sheetPr>
  <dimension ref="A3:IV152"/>
  <sheetViews>
    <sheetView showGridLines="0" topLeftCell="A47" workbookViewId="0">
      <selection activeCell="B57" sqref="B57:P57"/>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9" t="s">
        <v>173</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77</v>
      </c>
      <c r="I12" s="28"/>
      <c r="J12" s="28"/>
      <c r="O12" s="40"/>
      <c r="P12" s="26"/>
    </row>
    <row r="13" spans="1:16" x14ac:dyDescent="0.25">
      <c r="B13" s="44" t="s">
        <v>10</v>
      </c>
      <c r="I13" s="28"/>
      <c r="J13" s="28"/>
      <c r="O13" s="40">
        <v>10000</v>
      </c>
      <c r="P13" s="75" t="s">
        <v>9</v>
      </c>
    </row>
    <row r="14" spans="1:16" x14ac:dyDescent="0.25">
      <c r="B14" s="44" t="s">
        <v>11</v>
      </c>
      <c r="I14" s="28"/>
      <c r="J14" s="28"/>
      <c r="O14" s="40">
        <v>10000</v>
      </c>
      <c r="P14" s="75" t="s">
        <v>9</v>
      </c>
    </row>
    <row r="15" spans="1:16" x14ac:dyDescent="0.25">
      <c r="B15" s="44" t="s">
        <v>12</v>
      </c>
      <c r="I15" s="28"/>
      <c r="J15" s="28"/>
      <c r="O15" s="40">
        <v>2000</v>
      </c>
      <c r="P15" s="75" t="s">
        <v>9</v>
      </c>
    </row>
    <row r="16" spans="1:16" ht="12" customHeight="1" x14ac:dyDescent="0.25">
      <c r="A16" s="41" t="s">
        <v>5</v>
      </c>
      <c r="B16" s="138" t="s">
        <v>13</v>
      </c>
      <c r="C16" s="138"/>
      <c r="D16" s="138"/>
      <c r="E16" s="138"/>
      <c r="F16" s="138"/>
      <c r="G16" s="138"/>
      <c r="H16" s="138"/>
      <c r="I16" s="138"/>
      <c r="J16" s="138"/>
      <c r="K16" s="138"/>
      <c r="L16" s="138"/>
      <c r="O16" s="40">
        <v>1000</v>
      </c>
    </row>
    <row r="17" spans="1:16" x14ac:dyDescent="0.25">
      <c r="A17" s="26" t="s">
        <v>5</v>
      </c>
      <c r="B17" s="75" t="s">
        <v>14</v>
      </c>
      <c r="I17" s="28"/>
      <c r="O17" s="36" t="s">
        <v>7</v>
      </c>
    </row>
    <row r="18" spans="1:16" x14ac:dyDescent="0.25">
      <c r="A18" s="26" t="s">
        <v>5</v>
      </c>
      <c r="B18" s="75" t="s">
        <v>15</v>
      </c>
      <c r="I18" s="28"/>
      <c r="O18" s="36" t="s">
        <v>7</v>
      </c>
    </row>
    <row r="19" spans="1:16" x14ac:dyDescent="0.25">
      <c r="A19" s="26" t="s">
        <v>5</v>
      </c>
      <c r="B19" s="141" t="s">
        <v>34</v>
      </c>
      <c r="C19" s="141"/>
      <c r="D19" s="141"/>
      <c r="E19" s="141"/>
      <c r="F19" s="141"/>
      <c r="G19" s="141"/>
      <c r="H19" s="141"/>
      <c r="I19" s="141"/>
      <c r="J19" s="141"/>
      <c r="K19" s="141"/>
      <c r="L19" s="141"/>
      <c r="M19" s="141"/>
      <c r="O19" s="36" t="s">
        <v>7</v>
      </c>
    </row>
    <row r="20" spans="1:16" x14ac:dyDescent="0.25">
      <c r="A20" s="41" t="s">
        <v>5</v>
      </c>
      <c r="B20" s="134" t="s">
        <v>91</v>
      </c>
      <c r="C20" s="134"/>
      <c r="D20" s="134"/>
      <c r="E20" s="134"/>
      <c r="F20" s="134"/>
      <c r="G20" s="134"/>
      <c r="H20" s="134"/>
      <c r="I20" s="134"/>
      <c r="J20" s="134"/>
      <c r="K20" s="134"/>
      <c r="L20" s="134"/>
      <c r="M20" s="134"/>
      <c r="N20" s="46"/>
      <c r="O20" s="42">
        <v>50000</v>
      </c>
    </row>
    <row r="21" spans="1:16" x14ac:dyDescent="0.25">
      <c r="A21" s="26" t="s">
        <v>5</v>
      </c>
      <c r="B21" s="75" t="s">
        <v>16</v>
      </c>
      <c r="I21" s="28"/>
      <c r="O21" s="36" t="s">
        <v>7</v>
      </c>
    </row>
    <row r="23" spans="1:16" ht="12" customHeight="1" x14ac:dyDescent="0.25">
      <c r="A23" s="137" t="s">
        <v>17</v>
      </c>
      <c r="B23" s="137"/>
      <c r="C23" s="137"/>
      <c r="D23" s="137"/>
      <c r="E23" s="137"/>
      <c r="F23" s="137"/>
      <c r="G23" s="137"/>
      <c r="H23" s="137"/>
      <c r="I23" s="137"/>
      <c r="J23" s="137"/>
      <c r="K23" s="137"/>
      <c r="L23" s="137"/>
      <c r="M23" s="137"/>
      <c r="N23" s="137"/>
      <c r="O23" s="137"/>
      <c r="P23" s="137"/>
    </row>
    <row r="24" spans="1:16" x14ac:dyDescent="0.25">
      <c r="A24" s="26" t="s">
        <v>5</v>
      </c>
      <c r="B24" s="75" t="s">
        <v>18</v>
      </c>
      <c r="I24" s="28"/>
      <c r="O24" s="47">
        <v>500</v>
      </c>
    </row>
    <row r="25" spans="1:16" x14ac:dyDescent="0.25">
      <c r="A25" s="26" t="s">
        <v>5</v>
      </c>
      <c r="B25" s="75" t="s">
        <v>19</v>
      </c>
      <c r="I25" s="28"/>
      <c r="O25" s="47">
        <v>500</v>
      </c>
    </row>
    <row r="26" spans="1:16" x14ac:dyDescent="0.25">
      <c r="A26" s="41" t="s">
        <v>5</v>
      </c>
      <c r="B26" s="152" t="s">
        <v>127</v>
      </c>
      <c r="C26" s="152"/>
      <c r="D26" s="152"/>
      <c r="E26" s="152"/>
      <c r="F26" s="152"/>
      <c r="G26" s="152"/>
      <c r="H26" s="152"/>
      <c r="I26" s="152"/>
      <c r="J26" s="152"/>
      <c r="K26" s="152"/>
      <c r="L26" s="152"/>
      <c r="M26" s="152"/>
      <c r="N26" s="76"/>
      <c r="O26" s="73" t="s">
        <v>82</v>
      </c>
      <c r="P26" s="76"/>
    </row>
    <row r="27" spans="1:16" ht="12" customHeight="1" x14ac:dyDescent="0.25">
      <c r="A27" s="41" t="s">
        <v>5</v>
      </c>
      <c r="B27" s="148" t="s">
        <v>128</v>
      </c>
      <c r="C27" s="148"/>
      <c r="D27" s="148"/>
      <c r="E27" s="148"/>
      <c r="F27" s="148"/>
      <c r="G27" s="148"/>
      <c r="H27" s="148"/>
      <c r="I27" s="148"/>
      <c r="J27" s="148"/>
      <c r="K27" s="148"/>
      <c r="L27" s="148"/>
      <c r="M27" s="148"/>
      <c r="N27" s="84"/>
      <c r="O27" s="73" t="s">
        <v>82</v>
      </c>
      <c r="P27" s="84"/>
    </row>
    <row r="28" spans="1:16" x14ac:dyDescent="0.25">
      <c r="A28" s="36"/>
      <c r="B28" s="68" t="s">
        <v>280</v>
      </c>
      <c r="C28" s="50"/>
      <c r="D28" s="50"/>
      <c r="E28" s="50"/>
      <c r="F28" s="50"/>
      <c r="G28" s="50"/>
      <c r="H28" s="50"/>
      <c r="I28" s="49"/>
      <c r="J28" s="50"/>
      <c r="K28" s="49"/>
      <c r="L28" s="49"/>
      <c r="M28" s="49"/>
      <c r="N28" s="76"/>
      <c r="O28" s="76"/>
      <c r="P28" s="76"/>
    </row>
    <row r="29" spans="1:16" x14ac:dyDescent="0.25">
      <c r="I29" s="48"/>
    </row>
    <row r="30" spans="1:16" ht="12" customHeight="1" x14ac:dyDescent="0.25">
      <c r="A30" s="137" t="s">
        <v>20</v>
      </c>
      <c r="B30" s="137"/>
      <c r="C30" s="137"/>
      <c r="D30" s="137"/>
      <c r="E30" s="137"/>
      <c r="F30" s="137"/>
      <c r="G30" s="137"/>
      <c r="H30" s="137"/>
      <c r="I30" s="137"/>
      <c r="J30" s="137"/>
      <c r="K30" s="137"/>
      <c r="L30" s="137"/>
      <c r="M30" s="137"/>
      <c r="N30" s="137"/>
      <c r="O30" s="137"/>
      <c r="P30" s="137"/>
    </row>
    <row r="31" spans="1:16" ht="12" customHeight="1" x14ac:dyDescent="0.25">
      <c r="A31" s="41" t="s">
        <v>5</v>
      </c>
      <c r="B31" s="138" t="s">
        <v>276</v>
      </c>
      <c r="C31" s="138"/>
      <c r="D31" s="138"/>
      <c r="E31" s="138"/>
      <c r="F31" s="138"/>
      <c r="G31" s="138"/>
      <c r="H31" s="138"/>
      <c r="I31" s="138"/>
      <c r="J31" s="138"/>
      <c r="K31" s="138"/>
      <c r="L31" s="138"/>
      <c r="M31" s="138"/>
      <c r="N31" s="113"/>
    </row>
    <row r="32" spans="1:16" ht="12" customHeight="1" x14ac:dyDescent="0.25">
      <c r="A32" s="41" t="s">
        <v>5</v>
      </c>
      <c r="B32" s="138" t="s">
        <v>277</v>
      </c>
      <c r="C32" s="138"/>
      <c r="D32" s="138"/>
      <c r="E32" s="138"/>
      <c r="F32" s="138"/>
      <c r="G32" s="138"/>
      <c r="H32" s="138"/>
      <c r="I32" s="138"/>
      <c r="J32" s="138"/>
      <c r="K32" s="138"/>
      <c r="L32" s="138"/>
      <c r="M32" s="138"/>
      <c r="N32" s="138"/>
      <c r="O32" s="138"/>
      <c r="P32" s="138"/>
    </row>
    <row r="33" spans="1:16" x14ac:dyDescent="0.25">
      <c r="A33" s="26" t="s">
        <v>5</v>
      </c>
      <c r="B33" s="138" t="s">
        <v>278</v>
      </c>
      <c r="C33" s="138"/>
      <c r="D33" s="138"/>
      <c r="E33" s="138"/>
      <c r="F33" s="138"/>
      <c r="G33" s="138"/>
      <c r="H33" s="138"/>
      <c r="I33" s="138"/>
      <c r="J33" s="138"/>
      <c r="K33" s="138"/>
      <c r="L33" s="138"/>
      <c r="M33" s="138"/>
      <c r="N33" s="138"/>
      <c r="O33" s="138"/>
      <c r="P33" s="138"/>
    </row>
    <row r="34" spans="1:16" x14ac:dyDescent="0.25">
      <c r="A34" s="26" t="s">
        <v>5</v>
      </c>
      <c r="B34" s="141" t="s">
        <v>165</v>
      </c>
      <c r="C34" s="141"/>
      <c r="D34" s="141"/>
      <c r="E34" s="141"/>
      <c r="F34" s="141"/>
      <c r="G34" s="141"/>
      <c r="H34" s="141"/>
      <c r="I34" s="141"/>
      <c r="J34" s="141"/>
      <c r="K34" s="141"/>
      <c r="L34" s="141"/>
      <c r="M34" s="141"/>
      <c r="N34" s="141"/>
      <c r="O34" s="141"/>
      <c r="P34" s="141"/>
    </row>
    <row r="35" spans="1:16" ht="26.25" customHeight="1" x14ac:dyDescent="0.25">
      <c r="A35" s="41" t="s">
        <v>5</v>
      </c>
      <c r="B35" s="144" t="s">
        <v>162</v>
      </c>
      <c r="C35" s="144"/>
      <c r="D35" s="144"/>
      <c r="E35" s="144"/>
      <c r="F35" s="144"/>
      <c r="G35" s="144"/>
      <c r="H35" s="144"/>
      <c r="I35" s="144"/>
      <c r="J35" s="144"/>
      <c r="K35" s="144"/>
      <c r="L35" s="144"/>
      <c r="M35" s="144"/>
      <c r="N35" s="144"/>
      <c r="O35" s="144"/>
      <c r="P35" s="144"/>
    </row>
    <row r="36" spans="1:16" x14ac:dyDescent="0.25">
      <c r="A36" s="41" t="s">
        <v>5</v>
      </c>
      <c r="B36" s="142" t="s">
        <v>80</v>
      </c>
      <c r="C36" s="142"/>
      <c r="D36" s="142"/>
      <c r="E36" s="142"/>
      <c r="F36" s="142"/>
      <c r="G36" s="142"/>
      <c r="H36" s="142"/>
      <c r="I36" s="142"/>
      <c r="J36" s="142"/>
      <c r="K36" s="142"/>
      <c r="L36" s="142"/>
      <c r="M36" s="142"/>
      <c r="N36" s="142"/>
      <c r="O36" s="142"/>
      <c r="P36" s="142"/>
    </row>
    <row r="37" spans="1:16" x14ac:dyDescent="0.25">
      <c r="A37" s="26" t="s">
        <v>5</v>
      </c>
      <c r="B37" s="69" t="s">
        <v>65</v>
      </c>
      <c r="C37" s="63"/>
      <c r="D37" s="63"/>
      <c r="E37" s="63"/>
      <c r="F37" s="63"/>
      <c r="G37" s="63"/>
      <c r="H37" s="63"/>
      <c r="I37" s="63"/>
      <c r="J37" s="63"/>
      <c r="K37" s="70"/>
      <c r="L37" s="70"/>
      <c r="M37" s="70"/>
      <c r="N37" s="70"/>
      <c r="O37" s="70"/>
      <c r="P37" s="70"/>
    </row>
    <row r="38" spans="1:16" x14ac:dyDescent="0.25">
      <c r="A38" s="26" t="s">
        <v>5</v>
      </c>
      <c r="B38" s="71" t="s">
        <v>26</v>
      </c>
      <c r="C38" s="72"/>
      <c r="D38" s="72"/>
      <c r="E38" s="72"/>
      <c r="F38" s="72"/>
      <c r="G38" s="72"/>
      <c r="H38" s="72"/>
      <c r="I38" s="72"/>
      <c r="J38" s="72"/>
      <c r="K38" s="53"/>
      <c r="L38" s="53"/>
      <c r="M38" s="53"/>
      <c r="N38" s="53"/>
      <c r="O38" s="53"/>
      <c r="P38" s="53"/>
    </row>
    <row r="40" spans="1:16" x14ac:dyDescent="0.25">
      <c r="A40" s="75"/>
      <c r="B40" s="141" t="s">
        <v>21</v>
      </c>
      <c r="C40" s="141"/>
      <c r="D40" s="141"/>
      <c r="E40" s="141"/>
      <c r="F40" s="141"/>
      <c r="G40" s="141"/>
      <c r="H40" s="141"/>
      <c r="I40" s="141"/>
      <c r="J40" s="141"/>
      <c r="K40" s="141"/>
      <c r="L40" s="141"/>
      <c r="M40" s="141"/>
      <c r="N40" s="141"/>
      <c r="O40" s="141"/>
      <c r="P40" s="141"/>
    </row>
    <row r="41" spans="1:16" ht="25.5" customHeight="1" x14ac:dyDescent="0.25">
      <c r="A41" s="93"/>
      <c r="B41" s="139" t="s">
        <v>197</v>
      </c>
      <c r="C41" s="138"/>
      <c r="D41" s="138"/>
      <c r="E41" s="138"/>
      <c r="F41" s="138"/>
      <c r="G41" s="138"/>
      <c r="H41" s="138"/>
      <c r="I41" s="138"/>
      <c r="J41" s="138"/>
      <c r="K41" s="138"/>
      <c r="L41" s="138"/>
      <c r="M41" s="138"/>
      <c r="N41" s="138"/>
      <c r="O41" s="138"/>
      <c r="P41" s="138"/>
    </row>
    <row r="42" spans="1:16" ht="13.5" customHeight="1" x14ac:dyDescent="0.25"/>
    <row r="43" spans="1:16" ht="11.25" customHeight="1" x14ac:dyDescent="0.25">
      <c r="A43" s="137" t="s">
        <v>62</v>
      </c>
      <c r="B43" s="137"/>
      <c r="C43" s="137"/>
      <c r="D43" s="137"/>
      <c r="E43" s="137"/>
      <c r="F43" s="137"/>
      <c r="G43" s="137"/>
      <c r="H43" s="137"/>
      <c r="I43" s="137"/>
      <c r="J43" s="137"/>
      <c r="K43" s="137"/>
      <c r="L43" s="137"/>
      <c r="M43" s="137"/>
      <c r="N43" s="137"/>
      <c r="O43" s="137"/>
      <c r="P43" s="137"/>
    </row>
    <row r="44" spans="1:16" s="53" customFormat="1" x14ac:dyDescent="0.25">
      <c r="A44" s="41" t="s">
        <v>5</v>
      </c>
      <c r="B44" s="134" t="s">
        <v>63</v>
      </c>
      <c r="C44" s="134"/>
      <c r="D44" s="134"/>
      <c r="E44" s="134"/>
      <c r="F44" s="134"/>
      <c r="G44" s="134"/>
      <c r="H44" s="134"/>
      <c r="I44" s="134"/>
      <c r="J44" s="134"/>
      <c r="K44" s="134"/>
      <c r="L44" s="134"/>
      <c r="M44" s="134"/>
      <c r="N44" s="134"/>
      <c r="O44" s="134"/>
      <c r="P44" s="134"/>
    </row>
    <row r="45" spans="1:16" x14ac:dyDescent="0.25">
      <c r="A45" s="41" t="s">
        <v>5</v>
      </c>
      <c r="B45" s="138" t="s">
        <v>139</v>
      </c>
      <c r="C45" s="138"/>
      <c r="D45" s="138"/>
      <c r="E45" s="138"/>
      <c r="F45" s="138"/>
      <c r="G45" s="138"/>
      <c r="H45" s="138"/>
      <c r="I45" s="138"/>
      <c r="J45" s="138"/>
      <c r="K45" s="138"/>
      <c r="L45" s="138"/>
      <c r="M45" s="138"/>
      <c r="N45" s="138"/>
      <c r="O45" s="138"/>
      <c r="P45" s="138"/>
    </row>
    <row r="46" spans="1:16" s="53" customFormat="1" ht="12" customHeight="1" x14ac:dyDescent="0.25">
      <c r="A46" s="41" t="s">
        <v>5</v>
      </c>
      <c r="B46" s="134" t="s">
        <v>149</v>
      </c>
      <c r="C46" s="134"/>
      <c r="D46" s="134"/>
      <c r="E46" s="134"/>
      <c r="F46" s="134"/>
      <c r="G46" s="134"/>
      <c r="H46" s="134"/>
      <c r="I46" s="134"/>
      <c r="J46" s="134"/>
      <c r="K46" s="134"/>
      <c r="L46" s="134"/>
      <c r="M46" s="134"/>
      <c r="N46" s="134"/>
      <c r="O46" s="134"/>
      <c r="P46" s="134"/>
    </row>
    <row r="47" spans="1:16" s="53" customFormat="1" ht="37.5" customHeight="1" x14ac:dyDescent="0.25">
      <c r="A47" s="41" t="s">
        <v>5</v>
      </c>
      <c r="B47" s="134" t="s">
        <v>66</v>
      </c>
      <c r="C47" s="134"/>
      <c r="D47" s="134"/>
      <c r="E47" s="134"/>
      <c r="F47" s="134"/>
      <c r="G47" s="134"/>
      <c r="H47" s="134"/>
      <c r="I47" s="134"/>
      <c r="J47" s="134"/>
      <c r="K47" s="134"/>
      <c r="L47" s="134"/>
      <c r="M47" s="134"/>
      <c r="N47" s="134"/>
      <c r="O47" s="134"/>
      <c r="P47" s="134"/>
    </row>
    <row r="48" spans="1:16" s="53" customFormat="1" x14ac:dyDescent="0.25">
      <c r="A48" s="41" t="s">
        <v>5</v>
      </c>
      <c r="B48" s="135" t="s">
        <v>130</v>
      </c>
      <c r="C48" s="135"/>
      <c r="D48" s="135"/>
      <c r="E48" s="135"/>
      <c r="F48" s="135"/>
      <c r="G48" s="135"/>
      <c r="H48" s="135"/>
      <c r="I48" s="135"/>
      <c r="J48" s="135"/>
      <c r="K48" s="135"/>
      <c r="L48" s="135"/>
      <c r="M48" s="135"/>
      <c r="N48" s="135"/>
      <c r="O48" s="135"/>
      <c r="P48" s="135"/>
    </row>
    <row r="49" spans="1:256" x14ac:dyDescent="0.25">
      <c r="A49" s="41" t="s">
        <v>5</v>
      </c>
      <c r="B49" s="136" t="s">
        <v>129</v>
      </c>
      <c r="C49" s="136"/>
      <c r="D49" s="136"/>
      <c r="E49" s="136"/>
      <c r="F49" s="136"/>
      <c r="G49" s="136"/>
      <c r="H49" s="136"/>
      <c r="I49" s="136"/>
      <c r="J49" s="136"/>
      <c r="K49" s="136"/>
      <c r="L49" s="136"/>
      <c r="M49" s="136"/>
      <c r="N49" s="136"/>
      <c r="O49" s="136"/>
      <c r="P49" s="136"/>
    </row>
    <row r="50" spans="1:256" s="53" customFormat="1" ht="24" customHeight="1" x14ac:dyDescent="0.25">
      <c r="A50" s="36" t="s">
        <v>5</v>
      </c>
      <c r="B50" s="147" t="s">
        <v>272</v>
      </c>
      <c r="C50" s="147"/>
      <c r="D50" s="147"/>
      <c r="E50" s="147"/>
      <c r="F50" s="147"/>
      <c r="G50" s="147"/>
      <c r="H50" s="147"/>
      <c r="I50" s="147"/>
      <c r="J50" s="147"/>
      <c r="K50" s="147"/>
      <c r="L50" s="147"/>
      <c r="M50" s="147"/>
      <c r="N50" s="147"/>
      <c r="O50" s="147"/>
      <c r="P50" s="147"/>
    </row>
    <row r="51" spans="1:256" s="49" customFormat="1" ht="12" customHeight="1" x14ac:dyDescent="0.25">
      <c r="A51" s="41" t="s">
        <v>5</v>
      </c>
      <c r="B51" s="147" t="s">
        <v>22</v>
      </c>
      <c r="C51" s="147"/>
      <c r="D51" s="147"/>
      <c r="E51" s="147"/>
      <c r="F51" s="147"/>
      <c r="G51" s="147"/>
      <c r="H51" s="147"/>
      <c r="I51" s="147"/>
      <c r="J51" s="147"/>
      <c r="K51" s="147"/>
      <c r="L51" s="147"/>
      <c r="M51" s="147"/>
      <c r="N51" s="147"/>
      <c r="O51" s="147"/>
    </row>
    <row r="52" spans="1:256" x14ac:dyDescent="0.25">
      <c r="A52" s="41"/>
      <c r="B52" s="54"/>
      <c r="C52" s="54"/>
      <c r="D52" s="54"/>
      <c r="E52" s="54"/>
      <c r="F52" s="54"/>
      <c r="G52" s="54"/>
      <c r="H52" s="54"/>
      <c r="I52" s="54"/>
      <c r="J52" s="54"/>
      <c r="K52" s="54"/>
      <c r="L52" s="54"/>
      <c r="M52" s="54"/>
      <c r="N52" s="54"/>
      <c r="O52" s="54"/>
      <c r="P52" s="54"/>
    </row>
    <row r="53" spans="1:256" ht="11.25" customHeight="1" x14ac:dyDescent="0.25">
      <c r="A53" s="137" t="s">
        <v>134</v>
      </c>
      <c r="B53" s="137"/>
      <c r="C53" s="137"/>
      <c r="D53" s="137"/>
      <c r="E53" s="137"/>
      <c r="F53" s="137"/>
      <c r="G53" s="137"/>
      <c r="H53" s="137"/>
      <c r="I53" s="137"/>
      <c r="J53" s="137"/>
      <c r="K53" s="137"/>
      <c r="L53" s="137"/>
      <c r="M53" s="137"/>
      <c r="N53" s="137"/>
      <c r="O53" s="137"/>
      <c r="P53" s="137"/>
    </row>
    <row r="54" spans="1:256" s="53" customFormat="1" x14ac:dyDescent="0.25">
      <c r="A54" s="55"/>
      <c r="B54" s="74"/>
      <c r="C54" s="74"/>
      <c r="D54" s="74"/>
      <c r="E54" s="74"/>
      <c r="F54" s="74"/>
      <c r="G54" s="74"/>
      <c r="H54" s="74"/>
      <c r="I54" s="74"/>
      <c r="J54" s="74"/>
      <c r="K54" s="74"/>
      <c r="L54" s="74"/>
      <c r="M54" s="74"/>
      <c r="N54" s="74"/>
      <c r="O54" s="74"/>
      <c r="P54" s="74"/>
    </row>
    <row r="55" spans="1:256" x14ac:dyDescent="0.25">
      <c r="A55" s="41"/>
      <c r="B55" s="82" t="s">
        <v>115</v>
      </c>
      <c r="C55" s="80"/>
      <c r="D55" s="80"/>
      <c r="E55" s="80"/>
      <c r="F55" s="80"/>
      <c r="G55" s="80"/>
      <c r="H55" s="80"/>
      <c r="I55" s="80"/>
      <c r="J55" s="80"/>
      <c r="K55" s="80"/>
      <c r="L55" s="80"/>
      <c r="M55" s="80"/>
      <c r="N55" s="80"/>
      <c r="O55" s="80"/>
      <c r="P55" s="80"/>
    </row>
    <row r="56" spans="1:256" ht="8.25" customHeight="1" x14ac:dyDescent="0.25">
      <c r="A56" s="41"/>
      <c r="B56" s="81"/>
      <c r="C56" s="80"/>
      <c r="D56" s="80"/>
      <c r="E56" s="80"/>
      <c r="F56" s="80"/>
      <c r="G56" s="80"/>
      <c r="H56" s="80"/>
      <c r="I56" s="80"/>
      <c r="J56" s="80"/>
      <c r="K56" s="80"/>
      <c r="L56" s="80"/>
      <c r="M56" s="80"/>
      <c r="N56" s="80"/>
      <c r="O56" s="80"/>
      <c r="P56" s="80"/>
    </row>
    <row r="57" spans="1:256" ht="66.75" customHeight="1" x14ac:dyDescent="0.25">
      <c r="A57" s="41"/>
      <c r="B57" s="136" t="s">
        <v>232</v>
      </c>
      <c r="C57" s="136"/>
      <c r="D57" s="136"/>
      <c r="E57" s="136"/>
      <c r="F57" s="136"/>
      <c r="G57" s="136"/>
      <c r="H57" s="136"/>
      <c r="I57" s="136"/>
      <c r="J57" s="136"/>
      <c r="K57" s="136"/>
      <c r="L57" s="136"/>
      <c r="M57" s="136"/>
      <c r="N57" s="136"/>
      <c r="O57" s="136"/>
      <c r="P57" s="136"/>
    </row>
    <row r="58" spans="1:256" s="53" customFormat="1" x14ac:dyDescent="0.25">
      <c r="A58" s="55"/>
      <c r="B58" s="57"/>
      <c r="C58" s="57"/>
      <c r="D58" s="57"/>
      <c r="E58" s="57"/>
      <c r="F58" s="57"/>
      <c r="G58" s="57"/>
      <c r="H58" s="57"/>
      <c r="I58" s="57"/>
      <c r="J58" s="57"/>
      <c r="K58" s="57"/>
      <c r="L58" s="57"/>
      <c r="M58" s="57"/>
      <c r="N58" s="57"/>
      <c r="O58" s="57"/>
      <c r="P58" s="57"/>
    </row>
    <row r="59" spans="1:256" ht="12" customHeight="1" x14ac:dyDescent="0.25">
      <c r="A59" s="137" t="s">
        <v>27</v>
      </c>
      <c r="B59" s="137"/>
      <c r="C59" s="137"/>
      <c r="D59" s="137"/>
      <c r="E59" s="137"/>
      <c r="F59" s="137"/>
      <c r="G59" s="137"/>
      <c r="H59" s="137"/>
      <c r="I59" s="137"/>
      <c r="J59" s="137"/>
      <c r="K59" s="137"/>
      <c r="L59" s="137"/>
      <c r="M59" s="137"/>
      <c r="N59" s="137"/>
      <c r="O59" s="137"/>
      <c r="P59" s="137"/>
    </row>
    <row r="61" spans="1:256" ht="29.25" customHeight="1" x14ac:dyDescent="0.25">
      <c r="B61" s="140" t="s">
        <v>137</v>
      </c>
      <c r="C61" s="140"/>
      <c r="D61" s="126">
        <v>0</v>
      </c>
      <c r="E61" s="126">
        <v>1</v>
      </c>
      <c r="F61" s="126">
        <v>2</v>
      </c>
      <c r="G61" s="126">
        <v>3</v>
      </c>
      <c r="H61" s="126">
        <v>4</v>
      </c>
      <c r="I61" s="126">
        <v>5</v>
      </c>
      <c r="J61" s="126">
        <v>6</v>
      </c>
      <c r="K61" s="126">
        <v>7</v>
      </c>
      <c r="L61" s="126">
        <v>8</v>
      </c>
      <c r="M61" s="126">
        <v>9</v>
      </c>
      <c r="N61" s="126">
        <v>10</v>
      </c>
      <c r="O61" s="126" t="s">
        <v>55</v>
      </c>
      <c r="P61" s="126" t="s">
        <v>133</v>
      </c>
    </row>
    <row r="62" spans="1:256" x14ac:dyDescent="0.25">
      <c r="B62" s="157" t="s">
        <v>196</v>
      </c>
      <c r="C62" s="157"/>
      <c r="D62" s="110">
        <v>2.5499999999999998E-2</v>
      </c>
      <c r="E62" s="110">
        <v>2.7E-2</v>
      </c>
      <c r="F62" s="110">
        <v>2.9000000000000001E-2</v>
      </c>
      <c r="G62" s="110">
        <v>3.1E-2</v>
      </c>
      <c r="H62" s="110">
        <v>3.3500000000000002E-2</v>
      </c>
      <c r="I62" s="110">
        <v>3.5999999999999997E-2</v>
      </c>
      <c r="J62" s="110">
        <v>3.9E-2</v>
      </c>
      <c r="K62" s="110">
        <v>4.2000000000000003E-2</v>
      </c>
      <c r="L62" s="110">
        <v>4.4999999999999998E-2</v>
      </c>
      <c r="M62" s="110">
        <v>4.8000000000000001E-2</v>
      </c>
      <c r="N62" s="110">
        <v>5.0999999999999997E-2</v>
      </c>
      <c r="O62" s="110">
        <v>5.5E-2</v>
      </c>
      <c r="P62" s="111">
        <v>400</v>
      </c>
    </row>
    <row r="64" spans="1:256" s="49" customFormat="1" ht="12" customHeight="1" x14ac:dyDescent="0.25">
      <c r="A64" s="137" t="s">
        <v>138</v>
      </c>
      <c r="B64" s="137"/>
      <c r="C64" s="137"/>
      <c r="D64" s="137"/>
      <c r="E64" s="137"/>
      <c r="F64" s="137"/>
      <c r="G64" s="137"/>
      <c r="H64" s="137"/>
      <c r="I64" s="137"/>
      <c r="J64" s="137"/>
      <c r="K64" s="137"/>
      <c r="L64" s="137"/>
      <c r="M64" s="137"/>
      <c r="N64" s="137"/>
      <c r="O64" s="137"/>
      <c r="P64" s="137"/>
      <c r="Q64" s="156" t="s">
        <v>27</v>
      </c>
      <c r="R64" s="156"/>
      <c r="S64" s="156"/>
      <c r="T64" s="156"/>
      <c r="U64" s="156"/>
      <c r="V64" s="156"/>
      <c r="W64" s="156"/>
      <c r="X64" s="156"/>
      <c r="Y64" s="156"/>
      <c r="Z64" s="156"/>
      <c r="AA64" s="156"/>
      <c r="AB64" s="156"/>
      <c r="AC64" s="156"/>
      <c r="AD64" s="156"/>
      <c r="AE64" s="156"/>
      <c r="AF64" s="156"/>
      <c r="AG64" s="156" t="s">
        <v>27</v>
      </c>
      <c r="AH64" s="156"/>
      <c r="AI64" s="156"/>
      <c r="AJ64" s="156"/>
      <c r="AK64" s="156"/>
      <c r="AL64" s="156"/>
      <c r="AM64" s="156"/>
      <c r="AN64" s="156"/>
      <c r="AO64" s="156"/>
      <c r="AP64" s="156"/>
      <c r="AQ64" s="156"/>
      <c r="AR64" s="156"/>
      <c r="AS64" s="156"/>
      <c r="AT64" s="156"/>
      <c r="AU64" s="156"/>
      <c r="AV64" s="156"/>
      <c r="AW64" s="156" t="s">
        <v>27</v>
      </c>
      <c r="AX64" s="156"/>
      <c r="AY64" s="156"/>
      <c r="AZ64" s="156"/>
      <c r="BA64" s="156"/>
      <c r="BB64" s="156"/>
      <c r="BC64" s="156"/>
      <c r="BD64" s="156"/>
      <c r="BE64" s="156"/>
      <c r="BF64" s="156"/>
      <c r="BG64" s="156"/>
      <c r="BH64" s="156"/>
      <c r="BI64" s="156"/>
      <c r="BJ64" s="156"/>
      <c r="BK64" s="156"/>
      <c r="BL64" s="156"/>
      <c r="BM64" s="156" t="s">
        <v>27</v>
      </c>
      <c r="BN64" s="156"/>
      <c r="BO64" s="156"/>
      <c r="BP64" s="156"/>
      <c r="BQ64" s="156"/>
      <c r="BR64" s="156"/>
      <c r="BS64" s="156"/>
      <c r="BT64" s="156"/>
      <c r="BU64" s="156"/>
      <c r="BV64" s="156"/>
      <c r="BW64" s="156"/>
      <c r="BX64" s="156"/>
      <c r="BY64" s="156"/>
      <c r="BZ64" s="156"/>
      <c r="CA64" s="156"/>
      <c r="CB64" s="156"/>
      <c r="CC64" s="156" t="s">
        <v>27</v>
      </c>
      <c r="CD64" s="156"/>
      <c r="CE64" s="156"/>
      <c r="CF64" s="156"/>
      <c r="CG64" s="156"/>
      <c r="CH64" s="156"/>
      <c r="CI64" s="156"/>
      <c r="CJ64" s="156"/>
      <c r="CK64" s="156"/>
      <c r="CL64" s="156"/>
      <c r="CM64" s="156"/>
      <c r="CN64" s="156"/>
      <c r="CO64" s="156"/>
      <c r="CP64" s="156"/>
      <c r="CQ64" s="156"/>
      <c r="CR64" s="156"/>
      <c r="CS64" s="156" t="s">
        <v>27</v>
      </c>
      <c r="CT64" s="156"/>
      <c r="CU64" s="156"/>
      <c r="CV64" s="156"/>
      <c r="CW64" s="156"/>
      <c r="CX64" s="156"/>
      <c r="CY64" s="156"/>
      <c r="CZ64" s="156"/>
      <c r="DA64" s="156"/>
      <c r="DB64" s="156"/>
      <c r="DC64" s="156"/>
      <c r="DD64" s="156"/>
      <c r="DE64" s="156"/>
      <c r="DF64" s="156"/>
      <c r="DG64" s="156"/>
      <c r="DH64" s="156"/>
      <c r="DI64" s="156" t="s">
        <v>27</v>
      </c>
      <c r="DJ64" s="156"/>
      <c r="DK64" s="156"/>
      <c r="DL64" s="156"/>
      <c r="DM64" s="156"/>
      <c r="DN64" s="156"/>
      <c r="DO64" s="156"/>
      <c r="DP64" s="156"/>
      <c r="DQ64" s="156"/>
      <c r="DR64" s="156"/>
      <c r="DS64" s="156"/>
      <c r="DT64" s="156"/>
      <c r="DU64" s="156"/>
      <c r="DV64" s="156"/>
      <c r="DW64" s="156"/>
      <c r="DX64" s="156"/>
      <c r="DY64" s="156" t="s">
        <v>27</v>
      </c>
      <c r="DZ64" s="156"/>
      <c r="EA64" s="156"/>
      <c r="EB64" s="156"/>
      <c r="EC64" s="156"/>
      <c r="ED64" s="156"/>
      <c r="EE64" s="156"/>
      <c r="EF64" s="156"/>
      <c r="EG64" s="156"/>
      <c r="EH64" s="156"/>
      <c r="EI64" s="156"/>
      <c r="EJ64" s="156"/>
      <c r="EK64" s="156"/>
      <c r="EL64" s="156"/>
      <c r="EM64" s="156"/>
      <c r="EN64" s="156"/>
      <c r="EO64" s="156" t="s">
        <v>27</v>
      </c>
      <c r="EP64" s="156"/>
      <c r="EQ64" s="156"/>
      <c r="ER64" s="156"/>
      <c r="ES64" s="156"/>
      <c r="ET64" s="156"/>
      <c r="EU64" s="156"/>
      <c r="EV64" s="156"/>
      <c r="EW64" s="156"/>
      <c r="EX64" s="156"/>
      <c r="EY64" s="156"/>
      <c r="EZ64" s="156"/>
      <c r="FA64" s="156"/>
      <c r="FB64" s="156"/>
      <c r="FC64" s="156"/>
      <c r="FD64" s="156"/>
      <c r="FE64" s="156" t="s">
        <v>27</v>
      </c>
      <c r="FF64" s="156"/>
      <c r="FG64" s="156"/>
      <c r="FH64" s="156"/>
      <c r="FI64" s="156"/>
      <c r="FJ64" s="156"/>
      <c r="FK64" s="156"/>
      <c r="FL64" s="156"/>
      <c r="FM64" s="156"/>
      <c r="FN64" s="156"/>
      <c r="FO64" s="156"/>
      <c r="FP64" s="156"/>
      <c r="FQ64" s="156"/>
      <c r="FR64" s="156"/>
      <c r="FS64" s="156"/>
      <c r="FT64" s="156"/>
      <c r="FU64" s="156" t="s">
        <v>27</v>
      </c>
      <c r="FV64" s="156"/>
      <c r="FW64" s="156"/>
      <c r="FX64" s="156"/>
      <c r="FY64" s="156"/>
      <c r="FZ64" s="156"/>
      <c r="GA64" s="156"/>
      <c r="GB64" s="156"/>
      <c r="GC64" s="156"/>
      <c r="GD64" s="156"/>
      <c r="GE64" s="156"/>
      <c r="GF64" s="156"/>
      <c r="GG64" s="156"/>
      <c r="GH64" s="156"/>
      <c r="GI64" s="156"/>
      <c r="GJ64" s="156"/>
      <c r="GK64" s="156" t="s">
        <v>27</v>
      </c>
      <c r="GL64" s="156"/>
      <c r="GM64" s="156"/>
      <c r="GN64" s="156"/>
      <c r="GO64" s="156"/>
      <c r="GP64" s="156"/>
      <c r="GQ64" s="156"/>
      <c r="GR64" s="156"/>
      <c r="GS64" s="156"/>
      <c r="GT64" s="156"/>
      <c r="GU64" s="156"/>
      <c r="GV64" s="156"/>
      <c r="GW64" s="156"/>
      <c r="GX64" s="156"/>
      <c r="GY64" s="156"/>
      <c r="GZ64" s="156"/>
      <c r="HA64" s="156" t="s">
        <v>27</v>
      </c>
      <c r="HB64" s="156"/>
      <c r="HC64" s="156"/>
      <c r="HD64" s="156"/>
      <c r="HE64" s="156"/>
      <c r="HF64" s="156"/>
      <c r="HG64" s="156"/>
      <c r="HH64" s="156"/>
      <c r="HI64" s="156"/>
      <c r="HJ64" s="156"/>
      <c r="HK64" s="156"/>
      <c r="HL64" s="156"/>
      <c r="HM64" s="156"/>
      <c r="HN64" s="156"/>
      <c r="HO64" s="156"/>
      <c r="HP64" s="156"/>
      <c r="HQ64" s="156" t="s">
        <v>27</v>
      </c>
      <c r="HR64" s="156"/>
      <c r="HS64" s="156"/>
      <c r="HT64" s="156"/>
      <c r="HU64" s="156"/>
      <c r="HV64" s="156"/>
      <c r="HW64" s="156"/>
      <c r="HX64" s="156"/>
      <c r="HY64" s="156"/>
      <c r="HZ64" s="156"/>
      <c r="IA64" s="156"/>
      <c r="IB64" s="156"/>
      <c r="IC64" s="156"/>
      <c r="ID64" s="156"/>
      <c r="IE64" s="156"/>
      <c r="IF64" s="156"/>
      <c r="IG64" s="156" t="s">
        <v>27</v>
      </c>
      <c r="IH64" s="156"/>
      <c r="II64" s="156"/>
      <c r="IJ64" s="156"/>
      <c r="IK64" s="156"/>
      <c r="IL64" s="156"/>
      <c r="IM64" s="156"/>
      <c r="IN64" s="156"/>
      <c r="IO64" s="156"/>
      <c r="IP64" s="156"/>
      <c r="IQ64" s="156"/>
      <c r="IR64" s="156"/>
      <c r="IS64" s="156"/>
      <c r="IT64" s="156"/>
      <c r="IU64" s="156"/>
      <c r="IV64" s="156"/>
    </row>
    <row r="65" spans="1:256" x14ac:dyDescent="0.25">
      <c r="A65" s="26" t="s">
        <v>5</v>
      </c>
      <c r="B65" s="75" t="s">
        <v>31</v>
      </c>
    </row>
    <row r="66" spans="1:256" x14ac:dyDescent="0.25">
      <c r="B66" s="75"/>
      <c r="C66" s="60"/>
      <c r="D66" s="92"/>
      <c r="E66" s="92"/>
      <c r="F66" s="92"/>
      <c r="G66" s="92"/>
      <c r="H66" s="92"/>
      <c r="I66" s="92"/>
      <c r="J66" s="92"/>
      <c r="K66" s="92"/>
      <c r="L66" s="92"/>
      <c r="M66" s="92"/>
      <c r="N66" s="92"/>
      <c r="O66" s="92"/>
    </row>
    <row r="67" spans="1:256" x14ac:dyDescent="0.25">
      <c r="C67" s="101"/>
      <c r="D67" s="61"/>
      <c r="E67" s="61"/>
      <c r="F67" s="61"/>
      <c r="G67" s="61"/>
      <c r="H67" s="61"/>
      <c r="I67" s="61"/>
      <c r="J67" s="61"/>
      <c r="K67" s="61"/>
      <c r="L67" s="61"/>
      <c r="M67" s="61"/>
      <c r="N67" s="61"/>
      <c r="O67" s="61"/>
    </row>
    <row r="70" spans="1:256" s="26" customFormat="1" x14ac:dyDescent="0.25">
      <c r="D70" s="62"/>
      <c r="K70" s="28"/>
      <c r="L70" s="28"/>
      <c r="M70" s="28"/>
      <c r="N70" s="28"/>
      <c r="O70" s="28"/>
      <c r="P70" s="28"/>
      <c r="Q70" s="28"/>
      <c r="R70" s="28"/>
      <c r="S70" s="28"/>
      <c r="T70" s="28"/>
      <c r="U70" s="28"/>
      <c r="V70" s="28"/>
      <c r="W70" s="28"/>
      <c r="X70" s="28"/>
      <c r="Y70" s="28"/>
      <c r="Z70" s="28"/>
      <c r="AA70" s="28"/>
      <c r="AB70" s="28"/>
      <c r="AC70" s="28"/>
      <c r="AD70" s="28"/>
      <c r="AE70" s="28"/>
      <c r="AF70" s="28"/>
      <c r="AG70" s="28"/>
      <c r="AH70" s="28"/>
      <c r="AI70" s="28"/>
      <c r="AJ70" s="28"/>
      <c r="AK70" s="28"/>
      <c r="AL70" s="28"/>
      <c r="AM70" s="28"/>
      <c r="AN70" s="28"/>
      <c r="AO70" s="28"/>
      <c r="AP70" s="28"/>
      <c r="AQ70" s="28"/>
      <c r="AR70" s="28"/>
      <c r="AS70" s="28"/>
      <c r="AT70" s="28"/>
      <c r="AU70" s="28"/>
      <c r="AV70" s="28"/>
      <c r="AW70" s="28"/>
      <c r="AX70" s="28"/>
      <c r="AY70" s="28"/>
      <c r="AZ70" s="28"/>
      <c r="BA70" s="28"/>
      <c r="BB70" s="28"/>
      <c r="BC70" s="28"/>
      <c r="BD70" s="28"/>
      <c r="BE70" s="28"/>
      <c r="BF70" s="28"/>
      <c r="BG70" s="28"/>
      <c r="BH70" s="28"/>
      <c r="BI70" s="28"/>
      <c r="BJ70" s="28"/>
      <c r="BK70" s="28"/>
      <c r="BL70" s="28"/>
      <c r="BM70" s="28"/>
      <c r="BN70" s="28"/>
      <c r="BO70" s="28"/>
      <c r="BP70" s="28"/>
      <c r="BQ70" s="28"/>
      <c r="BR70" s="28"/>
      <c r="BS70" s="28"/>
      <c r="BT70" s="28"/>
      <c r="BU70" s="28"/>
      <c r="BV70" s="28"/>
      <c r="BW70" s="28"/>
      <c r="BX70" s="28"/>
      <c r="BY70" s="28"/>
      <c r="BZ70" s="28"/>
      <c r="CA70" s="28"/>
      <c r="CB70" s="28"/>
      <c r="CC70" s="28"/>
      <c r="CD70" s="28"/>
      <c r="CE70" s="28"/>
      <c r="CF70" s="28"/>
      <c r="CG70" s="28"/>
      <c r="CH70" s="28"/>
      <c r="CI70" s="28"/>
      <c r="CJ70" s="28"/>
      <c r="CK70" s="28"/>
      <c r="CL70" s="28"/>
      <c r="CM70" s="28"/>
      <c r="CN70" s="28"/>
      <c r="CO70" s="28"/>
      <c r="CP70" s="28"/>
      <c r="CQ70" s="28"/>
      <c r="CR70" s="28"/>
      <c r="CS70" s="28"/>
      <c r="CT70" s="28"/>
      <c r="CU70" s="28"/>
      <c r="CV70" s="28"/>
      <c r="CW70" s="28"/>
      <c r="CX70" s="28"/>
      <c r="CY70" s="28"/>
      <c r="CZ70" s="28"/>
      <c r="DA70" s="28"/>
      <c r="DB70" s="28"/>
      <c r="DC70" s="28"/>
      <c r="DD70" s="28"/>
      <c r="DE70" s="28"/>
      <c r="DF70" s="28"/>
      <c r="DG70" s="28"/>
      <c r="DH70" s="28"/>
      <c r="DI70" s="28"/>
      <c r="DJ70" s="28"/>
      <c r="DK70" s="28"/>
      <c r="DL70" s="28"/>
      <c r="DM70" s="28"/>
      <c r="DN70" s="28"/>
      <c r="DO70" s="28"/>
      <c r="DP70" s="28"/>
      <c r="DQ70" s="28"/>
      <c r="DR70" s="28"/>
      <c r="DS70" s="28"/>
      <c r="DT70" s="28"/>
      <c r="DU70" s="28"/>
      <c r="DV70" s="28"/>
      <c r="DW70" s="28"/>
      <c r="DX70" s="28"/>
      <c r="DY70" s="28"/>
      <c r="DZ70" s="28"/>
      <c r="EA70" s="28"/>
      <c r="EB70" s="28"/>
      <c r="EC70" s="28"/>
      <c r="ED70" s="28"/>
      <c r="EE70" s="28"/>
      <c r="EF70" s="28"/>
      <c r="EG70" s="28"/>
      <c r="EH70" s="28"/>
      <c r="EI70" s="28"/>
      <c r="EJ70" s="28"/>
      <c r="EK70" s="28"/>
      <c r="EL70" s="28"/>
      <c r="EM70" s="28"/>
      <c r="EN70" s="28"/>
      <c r="EO70" s="28"/>
      <c r="EP70" s="28"/>
      <c r="EQ70" s="28"/>
      <c r="ER70" s="28"/>
      <c r="ES70" s="28"/>
      <c r="ET70" s="28"/>
      <c r="EU70" s="28"/>
      <c r="EV70" s="28"/>
      <c r="EW70" s="28"/>
      <c r="EX70" s="28"/>
      <c r="EY70" s="28"/>
      <c r="EZ70" s="28"/>
      <c r="FA70" s="28"/>
      <c r="FB70" s="28"/>
      <c r="FC70" s="28"/>
      <c r="FD70" s="28"/>
      <c r="FE70" s="28"/>
      <c r="FF70" s="28"/>
      <c r="FG70" s="28"/>
      <c r="FH70" s="28"/>
      <c r="FI70" s="28"/>
      <c r="FJ70" s="28"/>
      <c r="FK70" s="28"/>
      <c r="FL70" s="28"/>
      <c r="FM70" s="28"/>
      <c r="FN70" s="28"/>
      <c r="FO70" s="28"/>
      <c r="FP70" s="28"/>
      <c r="FQ70" s="28"/>
      <c r="FR70" s="28"/>
      <c r="FS70" s="28"/>
      <c r="FT70" s="28"/>
      <c r="FU70" s="28"/>
      <c r="FV70" s="28"/>
      <c r="FW70" s="28"/>
      <c r="FX70" s="28"/>
      <c r="FY70" s="28"/>
      <c r="FZ70" s="28"/>
      <c r="GA70" s="28"/>
      <c r="GB70" s="28"/>
      <c r="GC70" s="28"/>
      <c r="GD70" s="28"/>
      <c r="GE70" s="28"/>
      <c r="GF70" s="28"/>
      <c r="GG70" s="28"/>
      <c r="GH70" s="28"/>
      <c r="GI70" s="28"/>
      <c r="GJ70" s="28"/>
      <c r="GK70" s="28"/>
      <c r="GL70" s="28"/>
      <c r="GM70" s="28"/>
      <c r="GN70" s="28"/>
      <c r="GO70" s="28"/>
      <c r="GP70" s="28"/>
      <c r="GQ70" s="28"/>
      <c r="GR70" s="28"/>
      <c r="GS70" s="28"/>
      <c r="GT70" s="28"/>
      <c r="GU70" s="28"/>
      <c r="GV70" s="28"/>
      <c r="GW70" s="28"/>
      <c r="GX70" s="28"/>
      <c r="GY70" s="28"/>
      <c r="GZ70" s="28"/>
      <c r="HA70" s="28"/>
      <c r="HB70" s="28"/>
      <c r="HC70" s="28"/>
      <c r="HD70" s="28"/>
      <c r="HE70" s="28"/>
      <c r="HF70" s="28"/>
      <c r="HG70" s="28"/>
      <c r="HH70" s="28"/>
      <c r="HI70" s="28"/>
      <c r="HJ70" s="28"/>
      <c r="HK70" s="28"/>
      <c r="HL70" s="28"/>
      <c r="HM70" s="28"/>
      <c r="HN70" s="28"/>
      <c r="HO70" s="28"/>
      <c r="HP70" s="28"/>
      <c r="HQ70" s="28"/>
      <c r="HR70" s="28"/>
      <c r="HS70" s="28"/>
      <c r="HT70" s="28"/>
      <c r="HU70" s="28"/>
      <c r="HV70" s="28"/>
      <c r="HW70" s="28"/>
      <c r="HX70" s="28"/>
      <c r="HY70" s="28"/>
      <c r="HZ70" s="28"/>
      <c r="IA70" s="28"/>
      <c r="IB70" s="28"/>
      <c r="IC70" s="28"/>
      <c r="ID70" s="28"/>
      <c r="IE70" s="28"/>
      <c r="IF70" s="28"/>
      <c r="IG70" s="28"/>
      <c r="IH70" s="28"/>
      <c r="II70" s="28"/>
      <c r="IJ70" s="28"/>
      <c r="IK70" s="28"/>
      <c r="IL70" s="28"/>
      <c r="IM70" s="28"/>
      <c r="IN70" s="28"/>
      <c r="IO70" s="28"/>
      <c r="IP70" s="28"/>
      <c r="IQ70" s="28"/>
      <c r="IR70" s="28"/>
      <c r="IS70" s="28"/>
      <c r="IT70" s="28"/>
      <c r="IU70" s="28"/>
      <c r="IV70" s="28"/>
    </row>
    <row r="152" spans="1:256" s="26" customFormat="1" x14ac:dyDescent="0.25">
      <c r="A152" s="63"/>
      <c r="B152" s="63"/>
      <c r="C152" s="63"/>
      <c r="D152" s="63"/>
      <c r="E152" s="63"/>
      <c r="F152" s="63"/>
      <c r="G152" s="63"/>
      <c r="H152" s="63"/>
      <c r="I152" s="63"/>
      <c r="K152" s="28"/>
      <c r="L152" s="28"/>
      <c r="M152" s="28"/>
      <c r="N152" s="28"/>
      <c r="O152" s="28"/>
      <c r="P152" s="28"/>
      <c r="Q152" s="28"/>
      <c r="R152" s="28"/>
      <c r="S152" s="28"/>
      <c r="T152" s="28"/>
      <c r="U152" s="28"/>
      <c r="V152" s="28"/>
      <c r="W152" s="28"/>
      <c r="X152" s="28"/>
      <c r="Y152" s="28"/>
      <c r="Z152" s="28"/>
      <c r="AA152" s="28"/>
      <c r="AB152" s="28"/>
      <c r="AC152" s="28"/>
      <c r="AD152" s="28"/>
      <c r="AE152" s="28"/>
      <c r="AF152" s="28"/>
      <c r="AG152" s="28"/>
      <c r="AH152" s="28"/>
      <c r="AI152" s="28"/>
      <c r="AJ152" s="28"/>
      <c r="AK152" s="28"/>
      <c r="AL152" s="28"/>
      <c r="AM152" s="28"/>
      <c r="AN152" s="28"/>
      <c r="AO152" s="28"/>
      <c r="AP152" s="28"/>
      <c r="AQ152" s="28"/>
      <c r="AR152" s="28"/>
      <c r="AS152" s="28"/>
      <c r="AT152" s="28"/>
      <c r="AU152" s="28"/>
      <c r="AV152" s="28"/>
      <c r="AW152" s="28"/>
      <c r="AX152" s="28"/>
      <c r="AY152" s="28"/>
      <c r="AZ152" s="28"/>
      <c r="BA152" s="28"/>
      <c r="BB152" s="28"/>
      <c r="BC152" s="28"/>
      <c r="BD152" s="28"/>
      <c r="BE152" s="28"/>
      <c r="BF152" s="28"/>
      <c r="BG152" s="28"/>
      <c r="BH152" s="28"/>
      <c r="BI152" s="28"/>
      <c r="BJ152" s="28"/>
      <c r="BK152" s="28"/>
      <c r="BL152" s="28"/>
      <c r="BM152" s="28"/>
      <c r="BN152" s="28"/>
      <c r="BO152" s="28"/>
      <c r="BP152" s="28"/>
      <c r="BQ152" s="28"/>
      <c r="BR152" s="28"/>
      <c r="BS152" s="28"/>
      <c r="BT152" s="28"/>
      <c r="BU152" s="28"/>
      <c r="BV152" s="28"/>
      <c r="BW152" s="28"/>
      <c r="BX152" s="28"/>
      <c r="BY152" s="28"/>
      <c r="BZ152" s="28"/>
      <c r="CA152" s="28"/>
      <c r="CB152" s="28"/>
      <c r="CC152" s="28"/>
      <c r="CD152" s="28"/>
      <c r="CE152" s="28"/>
      <c r="CF152" s="28"/>
      <c r="CG152" s="28"/>
      <c r="CH152" s="28"/>
      <c r="CI152" s="28"/>
      <c r="CJ152" s="28"/>
      <c r="CK152" s="28"/>
      <c r="CL152" s="28"/>
      <c r="CM152" s="28"/>
      <c r="CN152" s="28"/>
      <c r="CO152" s="28"/>
      <c r="CP152" s="28"/>
      <c r="CQ152" s="28"/>
      <c r="CR152" s="28"/>
      <c r="CS152" s="28"/>
      <c r="CT152" s="28"/>
      <c r="CU152" s="28"/>
      <c r="CV152" s="28"/>
      <c r="CW152" s="28"/>
      <c r="CX152" s="28"/>
      <c r="CY152" s="28"/>
      <c r="CZ152" s="28"/>
      <c r="DA152" s="28"/>
      <c r="DB152" s="28"/>
      <c r="DC152" s="28"/>
      <c r="DD152" s="28"/>
      <c r="DE152" s="28"/>
      <c r="DF152" s="28"/>
      <c r="DG152" s="28"/>
      <c r="DH152" s="28"/>
      <c r="DI152" s="28"/>
      <c r="DJ152" s="28"/>
      <c r="DK152" s="28"/>
      <c r="DL152" s="28"/>
      <c r="DM152" s="28"/>
      <c r="DN152" s="28"/>
      <c r="DO152" s="28"/>
      <c r="DP152" s="28"/>
      <c r="DQ152" s="28"/>
      <c r="DR152" s="28"/>
      <c r="DS152" s="28"/>
      <c r="DT152" s="28"/>
      <c r="DU152" s="28"/>
      <c r="DV152" s="28"/>
      <c r="DW152" s="28"/>
      <c r="DX152" s="28"/>
      <c r="DY152" s="28"/>
      <c r="DZ152" s="28"/>
      <c r="EA152" s="28"/>
      <c r="EB152" s="28"/>
      <c r="EC152" s="28"/>
      <c r="ED152" s="28"/>
      <c r="EE152" s="28"/>
      <c r="EF152" s="28"/>
      <c r="EG152" s="28"/>
      <c r="EH152" s="28"/>
      <c r="EI152" s="28"/>
      <c r="EJ152" s="28"/>
      <c r="EK152" s="28"/>
      <c r="EL152" s="28"/>
      <c r="EM152" s="28"/>
      <c r="EN152" s="28"/>
      <c r="EO152" s="28"/>
      <c r="EP152" s="28"/>
      <c r="EQ152" s="28"/>
      <c r="ER152" s="28"/>
      <c r="ES152" s="28"/>
      <c r="ET152" s="28"/>
      <c r="EU152" s="28"/>
      <c r="EV152" s="28"/>
      <c r="EW152" s="28"/>
      <c r="EX152" s="28"/>
      <c r="EY152" s="28"/>
      <c r="EZ152" s="28"/>
      <c r="FA152" s="28"/>
      <c r="FB152" s="28"/>
      <c r="FC152" s="28"/>
      <c r="FD152" s="28"/>
      <c r="FE152" s="28"/>
      <c r="FF152" s="28"/>
      <c r="FG152" s="28"/>
      <c r="FH152" s="28"/>
      <c r="FI152" s="28"/>
      <c r="FJ152" s="28"/>
      <c r="FK152" s="28"/>
      <c r="FL152" s="28"/>
      <c r="FM152" s="28"/>
      <c r="FN152" s="28"/>
      <c r="FO152" s="28"/>
      <c r="FP152" s="28"/>
      <c r="FQ152" s="28"/>
      <c r="FR152" s="28"/>
      <c r="FS152" s="28"/>
      <c r="FT152" s="28"/>
      <c r="FU152" s="28"/>
      <c r="FV152" s="28"/>
      <c r="FW152" s="28"/>
      <c r="FX152" s="28"/>
      <c r="FY152" s="28"/>
      <c r="FZ152" s="28"/>
      <c r="GA152" s="28"/>
      <c r="GB152" s="28"/>
      <c r="GC152" s="28"/>
      <c r="GD152" s="28"/>
      <c r="GE152" s="28"/>
      <c r="GF152" s="28"/>
      <c r="GG152" s="28"/>
      <c r="GH152" s="28"/>
      <c r="GI152" s="28"/>
      <c r="GJ152" s="28"/>
      <c r="GK152" s="28"/>
      <c r="GL152" s="28"/>
      <c r="GM152" s="28"/>
      <c r="GN152" s="28"/>
      <c r="GO152" s="28"/>
      <c r="GP152" s="28"/>
      <c r="GQ152" s="28"/>
      <c r="GR152" s="28"/>
      <c r="GS152" s="28"/>
      <c r="GT152" s="28"/>
      <c r="GU152" s="28"/>
      <c r="GV152" s="28"/>
      <c r="GW152" s="28"/>
      <c r="GX152" s="28"/>
      <c r="GY152" s="28"/>
      <c r="GZ152" s="28"/>
      <c r="HA152" s="28"/>
      <c r="HB152" s="28"/>
      <c r="HC152" s="28"/>
      <c r="HD152" s="28"/>
      <c r="HE152" s="28"/>
      <c r="HF152" s="28"/>
      <c r="HG152" s="28"/>
      <c r="HH152" s="28"/>
      <c r="HI152" s="28"/>
      <c r="HJ152" s="28"/>
      <c r="HK152" s="28"/>
      <c r="HL152" s="28"/>
      <c r="HM152" s="28"/>
      <c r="HN152" s="28"/>
      <c r="HO152" s="28"/>
      <c r="HP152" s="28"/>
      <c r="HQ152" s="28"/>
      <c r="HR152" s="28"/>
      <c r="HS152" s="28"/>
      <c r="HT152" s="28"/>
      <c r="HU152" s="28"/>
      <c r="HV152" s="28"/>
      <c r="HW152" s="28"/>
      <c r="HX152" s="28"/>
      <c r="HY152" s="28"/>
      <c r="HZ152" s="28"/>
      <c r="IA152" s="28"/>
      <c r="IB152" s="28"/>
      <c r="IC152" s="28"/>
      <c r="ID152" s="28"/>
      <c r="IE152" s="28"/>
      <c r="IF152" s="28"/>
      <c r="IG152" s="28"/>
      <c r="IH152" s="28"/>
      <c r="II152" s="28"/>
      <c r="IJ152" s="28"/>
      <c r="IK152" s="28"/>
      <c r="IL152" s="28"/>
      <c r="IM152" s="28"/>
      <c r="IN152" s="28"/>
      <c r="IO152" s="28"/>
      <c r="IP152" s="28"/>
      <c r="IQ152" s="28"/>
      <c r="IR152" s="28"/>
      <c r="IS152" s="28"/>
      <c r="IT152" s="28"/>
      <c r="IU152" s="28"/>
      <c r="IV152" s="28"/>
    </row>
  </sheetData>
  <mergeCells count="47">
    <mergeCell ref="DI64:DX64"/>
    <mergeCell ref="HQ64:IF64"/>
    <mergeCell ref="IG64:IV64"/>
    <mergeCell ref="DY64:EN64"/>
    <mergeCell ref="EO64:FD64"/>
    <mergeCell ref="FE64:FT64"/>
    <mergeCell ref="FU64:GJ64"/>
    <mergeCell ref="GK64:GZ64"/>
    <mergeCell ref="HA64:HP64"/>
    <mergeCell ref="AG64:AV64"/>
    <mergeCell ref="AW64:BL64"/>
    <mergeCell ref="BM64:CB64"/>
    <mergeCell ref="CC64:CR64"/>
    <mergeCell ref="CS64:DH64"/>
    <mergeCell ref="A23:P23"/>
    <mergeCell ref="B62:C62"/>
    <mergeCell ref="A64:P64"/>
    <mergeCell ref="Q64:AF64"/>
    <mergeCell ref="B26:M26"/>
    <mergeCell ref="B27:M27"/>
    <mergeCell ref="A30:P30"/>
    <mergeCell ref="B31:M31"/>
    <mergeCell ref="B32:P32"/>
    <mergeCell ref="B33:P33"/>
    <mergeCell ref="B57:P57"/>
    <mergeCell ref="A59:P59"/>
    <mergeCell ref="B61:C61"/>
    <mergeCell ref="B49:P49"/>
    <mergeCell ref="B50:P50"/>
    <mergeCell ref="B51:O51"/>
    <mergeCell ref="A4:P4"/>
    <mergeCell ref="A9:P9"/>
    <mergeCell ref="B16:L16"/>
    <mergeCell ref="B19:M19"/>
    <mergeCell ref="B20:M20"/>
    <mergeCell ref="A53:P53"/>
    <mergeCell ref="B34:P34"/>
    <mergeCell ref="B35:P35"/>
    <mergeCell ref="B36:P36"/>
    <mergeCell ref="B40:P40"/>
    <mergeCell ref="A43:P43"/>
    <mergeCell ref="B41:P41"/>
    <mergeCell ref="B44:P44"/>
    <mergeCell ref="B45:P45"/>
    <mergeCell ref="B46:P46"/>
    <mergeCell ref="B47:P47"/>
    <mergeCell ref="B48:P48"/>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3">
    <pageSetUpPr fitToPage="1"/>
  </sheetPr>
  <dimension ref="A3:P160"/>
  <sheetViews>
    <sheetView showGridLines="0" topLeftCell="A76" workbookViewId="0">
      <selection activeCell="G90" sqref="G90"/>
    </sheetView>
  </sheetViews>
  <sheetFormatPr baseColWidth="10" defaultColWidth="11" defaultRowHeight="12" x14ac:dyDescent="0.25"/>
  <cols>
    <col min="1" max="1" width="4.44140625" style="26" customWidth="1"/>
    <col min="2" max="2" width="7.77734375" style="26" customWidth="1"/>
    <col min="3" max="3" width="11.777343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202</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39" t="s">
        <v>6</v>
      </c>
      <c r="I10" s="28"/>
      <c r="O10" s="36" t="s">
        <v>7</v>
      </c>
    </row>
    <row r="11" spans="1:16" x14ac:dyDescent="0.25">
      <c r="A11" s="26" t="s">
        <v>5</v>
      </c>
      <c r="B11" s="39" t="s">
        <v>8</v>
      </c>
      <c r="I11" s="28"/>
      <c r="O11" s="40">
        <v>100000</v>
      </c>
    </row>
    <row r="12" spans="1:16" ht="24.75" customHeight="1" x14ac:dyDescent="0.25">
      <c r="A12" s="41" t="s">
        <v>5</v>
      </c>
      <c r="B12" s="150" t="s">
        <v>70</v>
      </c>
      <c r="C12" s="150"/>
      <c r="D12" s="150"/>
      <c r="E12" s="150"/>
      <c r="F12" s="150"/>
      <c r="G12" s="150"/>
      <c r="H12" s="150"/>
      <c r="I12" s="150"/>
      <c r="J12" s="150"/>
      <c r="K12" s="150"/>
      <c r="L12" s="150"/>
      <c r="M12" s="150"/>
      <c r="O12" s="42">
        <v>20000</v>
      </c>
      <c r="P12" s="43" t="s">
        <v>9</v>
      </c>
    </row>
    <row r="13" spans="1:16" x14ac:dyDescent="0.25">
      <c r="A13" s="26" t="s">
        <v>5</v>
      </c>
      <c r="B13" s="39" t="s">
        <v>29</v>
      </c>
      <c r="I13" s="28"/>
      <c r="J13" s="28"/>
      <c r="O13" s="40"/>
      <c r="P13" s="26"/>
    </row>
    <row r="14" spans="1:16" x14ac:dyDescent="0.25">
      <c r="B14" s="44" t="s">
        <v>10</v>
      </c>
      <c r="I14" s="28"/>
      <c r="J14" s="28"/>
      <c r="O14" s="40">
        <v>20000</v>
      </c>
      <c r="P14" s="39" t="s">
        <v>9</v>
      </c>
    </row>
    <row r="15" spans="1:16" x14ac:dyDescent="0.25">
      <c r="B15" s="44" t="s">
        <v>11</v>
      </c>
      <c r="I15" s="28"/>
      <c r="J15" s="28"/>
      <c r="O15" s="40">
        <v>20000</v>
      </c>
      <c r="P15" s="39" t="s">
        <v>9</v>
      </c>
    </row>
    <row r="16" spans="1:16" x14ac:dyDescent="0.25">
      <c r="B16" s="44" t="s">
        <v>12</v>
      </c>
      <c r="I16" s="28"/>
      <c r="J16" s="28"/>
      <c r="O16" s="40">
        <v>4000</v>
      </c>
      <c r="P16" s="39" t="s">
        <v>9</v>
      </c>
    </row>
    <row r="17" spans="1:16" x14ac:dyDescent="0.25">
      <c r="B17" s="44" t="s">
        <v>33</v>
      </c>
      <c r="I17" s="28"/>
      <c r="J17" s="28"/>
      <c r="O17" s="40">
        <v>1000</v>
      </c>
      <c r="P17" s="39" t="s">
        <v>9</v>
      </c>
    </row>
    <row r="18" spans="1:16" ht="12" customHeight="1" x14ac:dyDescent="0.25">
      <c r="A18" s="41" t="s">
        <v>5</v>
      </c>
      <c r="B18" s="138" t="s">
        <v>13</v>
      </c>
      <c r="C18" s="138"/>
      <c r="D18" s="138"/>
      <c r="E18" s="138"/>
      <c r="F18" s="138"/>
      <c r="G18" s="138"/>
      <c r="H18" s="138"/>
      <c r="I18" s="138"/>
      <c r="J18" s="138"/>
      <c r="K18" s="138"/>
      <c r="L18" s="138"/>
      <c r="O18" s="40">
        <v>1000</v>
      </c>
    </row>
    <row r="19" spans="1:16" x14ac:dyDescent="0.25">
      <c r="A19" s="26" t="s">
        <v>5</v>
      </c>
      <c r="B19" s="39" t="s">
        <v>14</v>
      </c>
      <c r="I19" s="28"/>
      <c r="O19" s="36" t="s">
        <v>7</v>
      </c>
    </row>
    <row r="20" spans="1:16" x14ac:dyDescent="0.25">
      <c r="A20" s="26" t="s">
        <v>5</v>
      </c>
      <c r="B20" s="39"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34" t="s">
        <v>91</v>
      </c>
      <c r="C22" s="134"/>
      <c r="D22" s="134"/>
      <c r="E22" s="134"/>
      <c r="F22" s="134"/>
      <c r="G22" s="134"/>
      <c r="H22" s="134"/>
      <c r="I22" s="134"/>
      <c r="J22" s="134"/>
      <c r="K22" s="134"/>
      <c r="L22" s="134"/>
      <c r="M22" s="134"/>
      <c r="N22" s="46"/>
      <c r="O22" s="42">
        <v>50000</v>
      </c>
    </row>
    <row r="23" spans="1:16" x14ac:dyDescent="0.25">
      <c r="A23" s="26" t="s">
        <v>5</v>
      </c>
      <c r="B23" s="39" t="s">
        <v>16</v>
      </c>
      <c r="I23" s="28"/>
      <c r="O23" s="36" t="s">
        <v>7</v>
      </c>
    </row>
    <row r="25" spans="1:16" ht="12" customHeight="1" x14ac:dyDescent="0.25">
      <c r="A25" s="137" t="s">
        <v>17</v>
      </c>
      <c r="B25" s="137"/>
      <c r="C25" s="137"/>
      <c r="D25" s="137"/>
      <c r="E25" s="137"/>
      <c r="F25" s="137"/>
      <c r="G25" s="137"/>
      <c r="H25" s="137"/>
      <c r="I25" s="137"/>
      <c r="J25" s="137"/>
      <c r="K25" s="137"/>
      <c r="L25" s="137"/>
      <c r="M25" s="137"/>
      <c r="N25" s="137"/>
      <c r="O25" s="137"/>
      <c r="P25" s="137"/>
    </row>
    <row r="26" spans="1:16" x14ac:dyDescent="0.25">
      <c r="A26" s="26" t="s">
        <v>5</v>
      </c>
      <c r="B26" s="39" t="s">
        <v>18</v>
      </c>
      <c r="I26" s="28"/>
      <c r="O26" s="47">
        <v>250</v>
      </c>
    </row>
    <row r="27" spans="1:16" x14ac:dyDescent="0.25">
      <c r="A27" s="26" t="s">
        <v>5</v>
      </c>
      <c r="B27" s="39" t="s">
        <v>19</v>
      </c>
      <c r="I27" s="28"/>
      <c r="O27" s="47">
        <v>250</v>
      </c>
    </row>
    <row r="28" spans="1:16" x14ac:dyDescent="0.25">
      <c r="A28" s="26" t="s">
        <v>5</v>
      </c>
      <c r="B28" s="39" t="s">
        <v>126</v>
      </c>
      <c r="I28" s="28"/>
      <c r="O28" s="50" t="s">
        <v>82</v>
      </c>
    </row>
    <row r="29" spans="1:16" x14ac:dyDescent="0.25">
      <c r="A29" s="41" t="s">
        <v>5</v>
      </c>
      <c r="B29" s="152" t="s">
        <v>127</v>
      </c>
      <c r="C29" s="152"/>
      <c r="D29" s="152"/>
      <c r="E29" s="152"/>
      <c r="F29" s="152"/>
      <c r="G29" s="152"/>
      <c r="H29" s="152"/>
      <c r="I29" s="152"/>
      <c r="J29" s="152"/>
      <c r="K29" s="152"/>
      <c r="L29" s="152"/>
      <c r="M29" s="152"/>
      <c r="N29" s="51"/>
      <c r="O29" s="73" t="s">
        <v>82</v>
      </c>
      <c r="P29" s="51"/>
    </row>
    <row r="30" spans="1:16" ht="12" customHeight="1" x14ac:dyDescent="0.25">
      <c r="A30" s="41" t="s">
        <v>5</v>
      </c>
      <c r="B30" s="148" t="s">
        <v>128</v>
      </c>
      <c r="C30" s="148"/>
      <c r="D30" s="148"/>
      <c r="E30" s="148"/>
      <c r="F30" s="148"/>
      <c r="G30" s="148"/>
      <c r="H30" s="148"/>
      <c r="I30" s="148"/>
      <c r="J30" s="148"/>
      <c r="K30" s="148"/>
      <c r="L30" s="148"/>
      <c r="M30" s="148"/>
      <c r="N30" s="84"/>
      <c r="O30" s="73" t="s">
        <v>82</v>
      </c>
      <c r="P30" s="84"/>
    </row>
    <row r="31" spans="1:16" x14ac:dyDescent="0.25">
      <c r="A31" s="41" t="s">
        <v>5</v>
      </c>
      <c r="B31" s="64" t="s">
        <v>125</v>
      </c>
      <c r="C31" s="65"/>
      <c r="D31" s="50"/>
      <c r="E31" s="50"/>
      <c r="F31" s="50"/>
      <c r="G31" s="50"/>
      <c r="H31" s="50"/>
      <c r="I31" s="49"/>
      <c r="J31" s="50"/>
      <c r="K31" s="49"/>
      <c r="L31" s="49"/>
      <c r="M31" s="49"/>
      <c r="N31" s="49"/>
      <c r="O31" s="50" t="s">
        <v>82</v>
      </c>
    </row>
    <row r="32" spans="1:16" ht="12" customHeight="1" x14ac:dyDescent="0.25">
      <c r="A32" s="41"/>
      <c r="B32" s="154" t="s">
        <v>110</v>
      </c>
      <c r="C32" s="154"/>
      <c r="D32" s="154"/>
      <c r="E32" s="154"/>
      <c r="F32" s="154"/>
      <c r="G32" s="154"/>
      <c r="H32" s="154"/>
      <c r="I32" s="154"/>
      <c r="J32" s="154"/>
      <c r="K32" s="154"/>
      <c r="L32" s="154"/>
      <c r="M32" s="154"/>
      <c r="N32" s="154"/>
      <c r="O32" s="66"/>
    </row>
    <row r="33" spans="1:16" ht="12" customHeight="1" x14ac:dyDescent="0.25">
      <c r="A33" s="41"/>
      <c r="B33" s="153" t="s">
        <v>81</v>
      </c>
      <c r="C33" s="153"/>
      <c r="D33" s="153"/>
      <c r="E33" s="153"/>
      <c r="F33" s="153"/>
      <c r="G33" s="153"/>
      <c r="H33" s="153"/>
      <c r="I33" s="153"/>
      <c r="J33" s="153"/>
      <c r="K33" s="153"/>
      <c r="L33" s="153"/>
      <c r="M33" s="153"/>
      <c r="N33" s="153"/>
      <c r="O33" s="66"/>
    </row>
    <row r="34" spans="1:16" ht="24" customHeight="1" x14ac:dyDescent="0.25">
      <c r="A34" s="36" t="s">
        <v>5</v>
      </c>
      <c r="B34" s="67" t="s">
        <v>124</v>
      </c>
      <c r="C34" s="50"/>
      <c r="D34" s="50"/>
      <c r="E34" s="50"/>
      <c r="F34" s="50"/>
      <c r="G34" s="50"/>
      <c r="H34" s="50"/>
      <c r="I34" s="49"/>
      <c r="J34" s="50"/>
      <c r="K34" s="49"/>
      <c r="L34" s="49"/>
      <c r="M34" s="49"/>
      <c r="N34" s="151" t="s">
        <v>233</v>
      </c>
      <c r="O34" s="151"/>
      <c r="P34" s="151"/>
    </row>
    <row r="35" spans="1:16" x14ac:dyDescent="0.25">
      <c r="A35" s="36" t="s">
        <v>5</v>
      </c>
      <c r="B35" s="67" t="s">
        <v>123</v>
      </c>
      <c r="C35" s="50"/>
      <c r="D35" s="50"/>
      <c r="E35" s="50"/>
      <c r="F35" s="50"/>
      <c r="G35" s="50"/>
      <c r="H35" s="50"/>
      <c r="I35" s="49"/>
      <c r="J35" s="50"/>
      <c r="K35" s="49"/>
      <c r="L35" s="49"/>
      <c r="M35" s="49"/>
      <c r="N35" s="51"/>
      <c r="O35" s="50" t="s">
        <v>82</v>
      </c>
      <c r="P35" s="51"/>
    </row>
    <row r="36" spans="1:16" x14ac:dyDescent="0.25">
      <c r="A36" s="36"/>
      <c r="B36" s="68" t="s">
        <v>280</v>
      </c>
      <c r="C36" s="50"/>
      <c r="D36" s="50"/>
      <c r="E36" s="50"/>
      <c r="F36" s="50"/>
      <c r="G36" s="50"/>
      <c r="H36" s="50"/>
      <c r="I36" s="49"/>
      <c r="J36" s="50"/>
      <c r="K36" s="49"/>
      <c r="L36" s="49"/>
      <c r="M36" s="49"/>
      <c r="N36" s="51"/>
      <c r="O36" s="51"/>
      <c r="P36" s="51"/>
    </row>
    <row r="37" spans="1:16" x14ac:dyDescent="0.25">
      <c r="I37" s="48"/>
    </row>
    <row r="38" spans="1:16" ht="12" customHeight="1" x14ac:dyDescent="0.25">
      <c r="A38" s="137" t="s">
        <v>20</v>
      </c>
      <c r="B38" s="137"/>
      <c r="C38" s="137"/>
      <c r="D38" s="137"/>
      <c r="E38" s="137"/>
      <c r="F38" s="137"/>
      <c r="G38" s="137"/>
      <c r="H38" s="137"/>
      <c r="I38" s="137"/>
      <c r="J38" s="137"/>
      <c r="K38" s="137"/>
      <c r="L38" s="137"/>
      <c r="M38" s="137"/>
      <c r="N38" s="137"/>
      <c r="O38" s="137"/>
      <c r="P38" s="137"/>
    </row>
    <row r="39" spans="1:16" s="49" customFormat="1" ht="12" customHeight="1" x14ac:dyDescent="0.25">
      <c r="A39" s="119" t="s">
        <v>221</v>
      </c>
      <c r="B39" s="155" t="s">
        <v>220</v>
      </c>
      <c r="C39" s="155"/>
      <c r="D39" s="114"/>
      <c r="E39" s="114"/>
      <c r="F39" s="114"/>
      <c r="G39" s="114"/>
      <c r="H39" s="114"/>
      <c r="I39" s="114"/>
      <c r="J39" s="114"/>
      <c r="K39" s="114"/>
      <c r="L39" s="114"/>
      <c r="M39" s="114"/>
      <c r="N39" s="114"/>
      <c r="O39" s="114"/>
      <c r="P39" s="114"/>
    </row>
    <row r="40" spans="1:16" s="49" customFormat="1" ht="12" customHeight="1" x14ac:dyDescent="0.25">
      <c r="B40" s="117" t="s">
        <v>219</v>
      </c>
      <c r="C40" s="117"/>
      <c r="D40" s="117"/>
      <c r="E40" s="117"/>
      <c r="F40" s="117"/>
      <c r="G40" s="117"/>
      <c r="H40" s="117"/>
      <c r="I40" s="116"/>
      <c r="J40" s="116"/>
      <c r="K40" s="116"/>
      <c r="L40" s="116"/>
      <c r="M40" s="116"/>
      <c r="N40" s="114"/>
      <c r="O40" s="114"/>
      <c r="P40" s="114"/>
    </row>
    <row r="41" spans="1:16" ht="12" customHeight="1" x14ac:dyDescent="0.25">
      <c r="A41" s="28"/>
      <c r="B41" s="41" t="s">
        <v>5</v>
      </c>
      <c r="C41" s="138" t="s">
        <v>192</v>
      </c>
      <c r="D41" s="138"/>
      <c r="E41" s="118"/>
      <c r="F41" s="118"/>
      <c r="G41" s="118"/>
      <c r="H41" s="118"/>
      <c r="I41" s="118"/>
      <c r="J41" s="118"/>
      <c r="K41" s="118"/>
      <c r="L41" s="118"/>
      <c r="M41" s="118"/>
      <c r="N41" s="113"/>
    </row>
    <row r="42" spans="1:16" ht="12" customHeight="1" x14ac:dyDescent="0.25">
      <c r="A42" s="41"/>
      <c r="B42" s="28"/>
      <c r="C42" s="138" t="s">
        <v>224</v>
      </c>
      <c r="D42" s="138"/>
      <c r="E42" s="138"/>
      <c r="F42" s="138"/>
      <c r="G42" s="138"/>
      <c r="H42" s="138"/>
      <c r="I42" s="138"/>
      <c r="J42" s="138"/>
      <c r="K42" s="115"/>
      <c r="L42" s="115"/>
    </row>
    <row r="43" spans="1:16" ht="12" customHeight="1" x14ac:dyDescent="0.25">
      <c r="A43" s="28"/>
      <c r="B43" s="41" t="s">
        <v>5</v>
      </c>
      <c r="C43" s="138" t="s">
        <v>198</v>
      </c>
      <c r="D43" s="138"/>
      <c r="E43" s="138"/>
      <c r="F43" s="138"/>
      <c r="G43" s="118"/>
      <c r="H43" s="118"/>
      <c r="I43" s="118"/>
      <c r="J43" s="118"/>
      <c r="K43" s="118"/>
      <c r="L43" s="118"/>
      <c r="M43" s="118"/>
      <c r="N43" s="118"/>
      <c r="O43" s="118"/>
      <c r="P43" s="118"/>
    </row>
    <row r="44" spans="1:16" ht="12" customHeight="1" x14ac:dyDescent="0.25">
      <c r="A44" s="41"/>
      <c r="B44" s="28"/>
      <c r="C44" s="138" t="s">
        <v>225</v>
      </c>
      <c r="D44" s="138"/>
      <c r="E44" s="138"/>
      <c r="F44" s="138"/>
      <c r="G44" s="138"/>
      <c r="H44" s="138"/>
      <c r="I44" s="138"/>
      <c r="J44" s="138"/>
      <c r="K44" s="115"/>
    </row>
    <row r="45" spans="1:16" ht="12" customHeight="1" x14ac:dyDescent="0.25">
      <c r="A45" s="28"/>
      <c r="B45" s="41" t="s">
        <v>5</v>
      </c>
      <c r="C45" s="138" t="s">
        <v>199</v>
      </c>
      <c r="D45" s="138"/>
      <c r="E45" s="138"/>
      <c r="F45" s="138"/>
      <c r="G45" s="138"/>
      <c r="H45" s="118"/>
      <c r="I45" s="118"/>
      <c r="J45" s="118"/>
      <c r="K45" s="118"/>
      <c r="L45" s="118"/>
      <c r="M45" s="118"/>
      <c r="N45" s="118"/>
      <c r="O45" s="118"/>
      <c r="P45" s="118"/>
    </row>
    <row r="46" spans="1:16" ht="12" customHeight="1" x14ac:dyDescent="0.25">
      <c r="A46" s="41"/>
      <c r="B46" s="28"/>
      <c r="C46" s="138" t="s">
        <v>226</v>
      </c>
      <c r="D46" s="138"/>
      <c r="E46" s="138"/>
      <c r="F46" s="138"/>
      <c r="G46" s="138"/>
      <c r="H46" s="138"/>
      <c r="I46" s="138"/>
      <c r="J46" s="138"/>
      <c r="K46" s="115"/>
    </row>
    <row r="47" spans="1:16" ht="12" customHeight="1" x14ac:dyDescent="0.25">
      <c r="A47" s="28"/>
      <c r="B47" s="26" t="s">
        <v>5</v>
      </c>
      <c r="C47" s="138" t="s">
        <v>193</v>
      </c>
      <c r="D47" s="138"/>
      <c r="E47" s="118"/>
      <c r="F47" s="118"/>
      <c r="G47" s="118"/>
      <c r="H47" s="118"/>
      <c r="I47" s="118"/>
      <c r="J47" s="118"/>
      <c r="K47" s="118"/>
      <c r="L47" s="118"/>
      <c r="M47" s="118"/>
      <c r="N47" s="118"/>
      <c r="O47" s="118"/>
      <c r="P47" s="118"/>
    </row>
    <row r="48" spans="1:16" ht="12" customHeight="1" x14ac:dyDescent="0.25">
      <c r="A48" s="41"/>
      <c r="B48" s="28"/>
      <c r="C48" s="138" t="s">
        <v>227</v>
      </c>
      <c r="D48" s="138"/>
      <c r="E48" s="138"/>
      <c r="F48" s="138"/>
      <c r="G48" s="138"/>
      <c r="H48" s="138"/>
      <c r="I48" s="138"/>
      <c r="J48" s="138"/>
      <c r="K48" s="115"/>
    </row>
    <row r="49" spans="1:16" ht="12" customHeight="1" x14ac:dyDescent="0.25">
      <c r="A49" s="28"/>
      <c r="B49" s="117" t="s">
        <v>218</v>
      </c>
      <c r="C49" s="117"/>
      <c r="D49" s="117"/>
      <c r="E49" s="117"/>
      <c r="F49" s="117"/>
      <c r="G49" s="117"/>
      <c r="H49" s="117"/>
      <c r="I49" s="115"/>
      <c r="J49" s="115"/>
      <c r="K49" s="115"/>
    </row>
    <row r="50" spans="1:16" ht="12" customHeight="1" x14ac:dyDescent="0.25">
      <c r="A50" s="28"/>
      <c r="B50" s="41" t="s">
        <v>5</v>
      </c>
      <c r="C50" s="138" t="s">
        <v>192</v>
      </c>
      <c r="D50" s="138"/>
      <c r="E50" s="118"/>
      <c r="F50" s="118"/>
      <c r="G50" s="118"/>
      <c r="H50" s="118"/>
      <c r="I50" s="118"/>
      <c r="J50" s="118"/>
      <c r="K50" s="118"/>
      <c r="L50" s="118"/>
      <c r="M50" s="118"/>
      <c r="N50" s="113"/>
    </row>
    <row r="51" spans="1:16" ht="12" customHeight="1" x14ac:dyDescent="0.25">
      <c r="A51" s="41"/>
      <c r="B51" s="28"/>
      <c r="C51" s="138" t="s">
        <v>228</v>
      </c>
      <c r="D51" s="138"/>
      <c r="E51" s="138"/>
      <c r="F51" s="138"/>
      <c r="G51" s="138"/>
      <c r="H51" s="138"/>
      <c r="I51" s="138"/>
      <c r="J51" s="138"/>
      <c r="K51" s="115"/>
      <c r="L51" s="115"/>
    </row>
    <row r="52" spans="1:16" ht="12" customHeight="1" x14ac:dyDescent="0.25">
      <c r="A52" s="28"/>
      <c r="B52" s="41" t="s">
        <v>5</v>
      </c>
      <c r="C52" s="138" t="s">
        <v>198</v>
      </c>
      <c r="D52" s="138"/>
      <c r="E52" s="138"/>
      <c r="F52" s="138"/>
      <c r="G52" s="138"/>
      <c r="H52" s="118"/>
      <c r="I52" s="118"/>
      <c r="J52" s="118"/>
      <c r="K52" s="118"/>
      <c r="L52" s="118"/>
      <c r="M52" s="118"/>
      <c r="N52" s="118"/>
      <c r="O52" s="118"/>
      <c r="P52" s="118"/>
    </row>
    <row r="53" spans="1:16" ht="12" customHeight="1" x14ac:dyDescent="0.25">
      <c r="A53" s="41"/>
      <c r="B53" s="28"/>
      <c r="C53" s="138" t="s">
        <v>229</v>
      </c>
      <c r="D53" s="138"/>
      <c r="E53" s="138"/>
      <c r="F53" s="138"/>
      <c r="G53" s="138"/>
      <c r="H53" s="138"/>
      <c r="I53" s="138"/>
      <c r="J53" s="138"/>
      <c r="K53" s="115"/>
    </row>
    <row r="54" spans="1:16" ht="12" customHeight="1" x14ac:dyDescent="0.25">
      <c r="A54" s="28"/>
      <c r="B54" s="41" t="s">
        <v>5</v>
      </c>
      <c r="C54" s="138" t="s">
        <v>199</v>
      </c>
      <c r="D54" s="138"/>
      <c r="E54" s="138"/>
      <c r="F54" s="138"/>
      <c r="G54" s="118"/>
      <c r="H54" s="118"/>
      <c r="I54" s="118"/>
      <c r="J54" s="118"/>
      <c r="K54" s="118"/>
      <c r="L54" s="118"/>
      <c r="M54" s="118"/>
      <c r="N54" s="118"/>
      <c r="O54" s="118"/>
      <c r="P54" s="118"/>
    </row>
    <row r="55" spans="1:16" ht="12" customHeight="1" x14ac:dyDescent="0.25">
      <c r="A55" s="41"/>
      <c r="B55" s="28"/>
      <c r="C55" s="138" t="s">
        <v>230</v>
      </c>
      <c r="D55" s="138"/>
      <c r="E55" s="138"/>
      <c r="F55" s="138"/>
      <c r="G55" s="138"/>
      <c r="H55" s="138"/>
      <c r="I55" s="138"/>
      <c r="J55" s="138"/>
      <c r="K55" s="115"/>
    </row>
    <row r="56" spans="1:16" ht="12" customHeight="1" x14ac:dyDescent="0.25">
      <c r="A56" s="28"/>
      <c r="B56" s="26" t="s">
        <v>5</v>
      </c>
      <c r="C56" s="138" t="s">
        <v>193</v>
      </c>
      <c r="D56" s="138"/>
      <c r="E56" s="118"/>
      <c r="F56" s="118"/>
      <c r="G56" s="118"/>
      <c r="H56" s="118"/>
      <c r="I56" s="118"/>
      <c r="J56" s="118"/>
      <c r="K56" s="118"/>
      <c r="L56" s="118"/>
      <c r="M56" s="118"/>
      <c r="N56" s="118"/>
      <c r="O56" s="118"/>
      <c r="P56" s="118"/>
    </row>
    <row r="57" spans="1:16" ht="12" customHeight="1" x14ac:dyDescent="0.25">
      <c r="A57" s="41"/>
      <c r="B57" s="28"/>
      <c r="C57" s="138" t="s">
        <v>231</v>
      </c>
      <c r="D57" s="138"/>
      <c r="E57" s="138"/>
      <c r="F57" s="138"/>
      <c r="G57" s="138"/>
      <c r="H57" s="138"/>
      <c r="I57" s="138"/>
      <c r="J57" s="138"/>
      <c r="K57" s="115"/>
    </row>
    <row r="58" spans="1:16" ht="12" customHeight="1" x14ac:dyDescent="0.25">
      <c r="A58" s="41"/>
      <c r="B58" s="28"/>
      <c r="C58" s="113"/>
      <c r="D58" s="113"/>
      <c r="E58" s="113"/>
      <c r="F58" s="113"/>
      <c r="G58" s="113"/>
      <c r="H58" s="113"/>
      <c r="I58" s="113"/>
      <c r="J58" s="113"/>
      <c r="K58" s="113"/>
    </row>
    <row r="59" spans="1:16" x14ac:dyDescent="0.25">
      <c r="A59" s="26" t="s">
        <v>5</v>
      </c>
      <c r="B59" s="141" t="s">
        <v>83</v>
      </c>
      <c r="C59" s="141"/>
      <c r="D59" s="141"/>
      <c r="E59" s="141"/>
      <c r="F59" s="141"/>
      <c r="G59" s="141"/>
      <c r="H59" s="141"/>
      <c r="I59" s="141"/>
      <c r="J59" s="141"/>
      <c r="K59" s="141"/>
      <c r="L59" s="141"/>
      <c r="M59" s="141"/>
      <c r="N59" s="141"/>
      <c r="O59" s="141"/>
      <c r="P59" s="141"/>
    </row>
    <row r="60" spans="1:16" ht="26.25" customHeight="1" x14ac:dyDescent="0.25">
      <c r="A60" s="41" t="s">
        <v>5</v>
      </c>
      <c r="B60" s="144" t="s">
        <v>94</v>
      </c>
      <c r="C60" s="144"/>
      <c r="D60" s="144"/>
      <c r="E60" s="144"/>
      <c r="F60" s="144"/>
      <c r="G60" s="144"/>
      <c r="H60" s="144"/>
      <c r="I60" s="144"/>
      <c r="J60" s="144"/>
      <c r="K60" s="144"/>
      <c r="L60" s="144"/>
      <c r="M60" s="144"/>
      <c r="N60" s="144"/>
      <c r="O60" s="144"/>
      <c r="P60" s="144"/>
    </row>
    <row r="61" spans="1:16" x14ac:dyDescent="0.25">
      <c r="A61" s="41" t="s">
        <v>5</v>
      </c>
      <c r="B61" s="142" t="s">
        <v>95</v>
      </c>
      <c r="C61" s="142"/>
      <c r="D61" s="142"/>
      <c r="E61" s="142"/>
      <c r="F61" s="142"/>
      <c r="G61" s="142"/>
      <c r="H61" s="142"/>
      <c r="I61" s="142"/>
      <c r="J61" s="142"/>
      <c r="K61" s="142"/>
      <c r="L61" s="142"/>
      <c r="M61" s="142"/>
      <c r="N61" s="142"/>
      <c r="O61" s="142"/>
      <c r="P61" s="142"/>
    </row>
    <row r="62" spans="1:16" x14ac:dyDescent="0.25">
      <c r="A62" s="26" t="s">
        <v>5</v>
      </c>
      <c r="B62" s="69" t="s">
        <v>65</v>
      </c>
      <c r="C62" s="63"/>
      <c r="D62" s="63"/>
      <c r="E62" s="63"/>
      <c r="F62" s="63"/>
      <c r="G62" s="63"/>
      <c r="H62" s="63"/>
      <c r="I62" s="63"/>
      <c r="J62" s="63"/>
      <c r="K62" s="70"/>
      <c r="L62" s="70"/>
      <c r="M62" s="70"/>
      <c r="N62" s="70"/>
      <c r="O62" s="70"/>
      <c r="P62" s="70"/>
    </row>
    <row r="63" spans="1:16" x14ac:dyDescent="0.25">
      <c r="A63" s="26" t="s">
        <v>5</v>
      </c>
      <c r="B63" s="71" t="s">
        <v>104</v>
      </c>
      <c r="C63" s="72"/>
      <c r="D63" s="72"/>
      <c r="E63" s="72"/>
      <c r="F63" s="72"/>
      <c r="G63" s="72"/>
      <c r="H63" s="72"/>
      <c r="I63" s="72"/>
      <c r="J63" s="72"/>
      <c r="K63" s="53"/>
      <c r="L63" s="53"/>
      <c r="M63" s="53"/>
      <c r="N63" s="53"/>
      <c r="O63" s="53"/>
      <c r="P63" s="53"/>
    </row>
    <row r="64" spans="1:16" x14ac:dyDescent="0.25">
      <c r="A64" s="26" t="s">
        <v>5</v>
      </c>
      <c r="B64" s="71" t="s">
        <v>26</v>
      </c>
      <c r="C64" s="72"/>
      <c r="D64" s="72"/>
      <c r="E64" s="72"/>
      <c r="F64" s="72"/>
      <c r="G64" s="72"/>
      <c r="H64" s="72"/>
      <c r="I64" s="72"/>
      <c r="J64" s="72"/>
      <c r="K64" s="53"/>
      <c r="L64" s="53"/>
      <c r="M64" s="53"/>
      <c r="N64" s="53"/>
      <c r="O64" s="53"/>
      <c r="P64" s="53"/>
    </row>
    <row r="65" spans="1:16" ht="24" customHeight="1" x14ac:dyDescent="0.25">
      <c r="A65" s="41" t="s">
        <v>5</v>
      </c>
      <c r="B65" s="143" t="s">
        <v>111</v>
      </c>
      <c r="C65" s="143"/>
      <c r="D65" s="143"/>
      <c r="E65" s="143"/>
      <c r="F65" s="143"/>
      <c r="G65" s="143"/>
      <c r="H65" s="143"/>
      <c r="I65" s="143"/>
      <c r="J65" s="143"/>
      <c r="K65" s="143"/>
      <c r="L65" s="143"/>
      <c r="M65" s="143"/>
      <c r="N65" s="143"/>
      <c r="O65" s="143"/>
      <c r="P65" s="143"/>
    </row>
    <row r="67" spans="1:16" x14ac:dyDescent="0.25">
      <c r="A67" s="39"/>
      <c r="B67" s="141" t="s">
        <v>21</v>
      </c>
      <c r="C67" s="141"/>
      <c r="D67" s="141"/>
      <c r="E67" s="141"/>
      <c r="F67" s="141"/>
      <c r="G67" s="141"/>
      <c r="H67" s="141"/>
      <c r="I67" s="141"/>
      <c r="J67" s="141"/>
      <c r="K67" s="141"/>
      <c r="L67" s="141"/>
      <c r="M67" s="141"/>
      <c r="N67" s="141"/>
      <c r="O67" s="141"/>
      <c r="P67" s="141"/>
    </row>
    <row r="68" spans="1:16" ht="25.5" customHeight="1" x14ac:dyDescent="0.25">
      <c r="A68" s="39"/>
      <c r="B68" s="139" t="s">
        <v>197</v>
      </c>
      <c r="C68" s="138"/>
      <c r="D68" s="138"/>
      <c r="E68" s="138"/>
      <c r="F68" s="138"/>
      <c r="G68" s="138"/>
      <c r="H68" s="138"/>
      <c r="I68" s="138"/>
      <c r="J68" s="138"/>
      <c r="K68" s="138"/>
      <c r="L68" s="138"/>
      <c r="M68" s="138"/>
      <c r="N68" s="138"/>
      <c r="O68" s="138"/>
      <c r="P68" s="138"/>
    </row>
    <row r="69" spans="1:16" ht="25.5" customHeight="1" x14ac:dyDescent="0.25">
      <c r="A69" s="93"/>
      <c r="B69" s="138"/>
      <c r="C69" s="138"/>
      <c r="D69" s="138"/>
      <c r="E69" s="138"/>
      <c r="F69" s="138"/>
      <c r="G69" s="138"/>
      <c r="H69" s="138"/>
      <c r="I69" s="138"/>
      <c r="J69" s="138"/>
      <c r="K69" s="138"/>
      <c r="L69" s="138"/>
      <c r="M69" s="138"/>
      <c r="N69" s="138"/>
      <c r="O69" s="138"/>
      <c r="P69" s="138"/>
    </row>
    <row r="70" spans="1:16" ht="13.5" customHeight="1" x14ac:dyDescent="0.25"/>
    <row r="71" spans="1:16" ht="11.25" customHeight="1" x14ac:dyDescent="0.25">
      <c r="A71" s="137" t="s">
        <v>62</v>
      </c>
      <c r="B71" s="137"/>
      <c r="C71" s="137"/>
      <c r="D71" s="137"/>
      <c r="E71" s="137"/>
      <c r="F71" s="137"/>
      <c r="G71" s="137"/>
      <c r="H71" s="137"/>
      <c r="I71" s="137"/>
      <c r="J71" s="137"/>
      <c r="K71" s="137"/>
      <c r="L71" s="137"/>
      <c r="M71" s="137"/>
      <c r="N71" s="137"/>
      <c r="O71" s="137"/>
      <c r="P71" s="137"/>
    </row>
    <row r="72" spans="1:16" s="53" customFormat="1" x14ac:dyDescent="0.25">
      <c r="A72" s="41" t="s">
        <v>5</v>
      </c>
      <c r="B72" s="134" t="s">
        <v>63</v>
      </c>
      <c r="C72" s="134"/>
      <c r="D72" s="134"/>
      <c r="E72" s="134"/>
      <c r="F72" s="134"/>
      <c r="G72" s="134"/>
      <c r="H72" s="134"/>
      <c r="I72" s="134"/>
      <c r="J72" s="134"/>
      <c r="K72" s="134"/>
      <c r="L72" s="134"/>
      <c r="M72" s="134"/>
      <c r="N72" s="134"/>
      <c r="O72" s="134"/>
      <c r="P72" s="134"/>
    </row>
    <row r="73" spans="1:16" x14ac:dyDescent="0.25">
      <c r="A73" s="41" t="s">
        <v>5</v>
      </c>
      <c r="B73" s="138" t="s">
        <v>139</v>
      </c>
      <c r="C73" s="138"/>
      <c r="D73" s="138"/>
      <c r="E73" s="138"/>
      <c r="F73" s="138"/>
      <c r="G73" s="138"/>
      <c r="H73" s="138"/>
      <c r="I73" s="138"/>
      <c r="J73" s="138"/>
      <c r="K73" s="138"/>
      <c r="L73" s="138"/>
      <c r="M73" s="138"/>
      <c r="N73" s="138"/>
      <c r="O73" s="138"/>
      <c r="P73" s="138"/>
    </row>
    <row r="74" spans="1:16" s="53" customFormat="1" ht="25.5" customHeight="1" x14ac:dyDescent="0.25">
      <c r="A74" s="41" t="s">
        <v>5</v>
      </c>
      <c r="B74" s="134" t="s">
        <v>68</v>
      </c>
      <c r="C74" s="134"/>
      <c r="D74" s="134"/>
      <c r="E74" s="134"/>
      <c r="F74" s="134"/>
      <c r="G74" s="134"/>
      <c r="H74" s="134"/>
      <c r="I74" s="134"/>
      <c r="J74" s="134"/>
      <c r="K74" s="134"/>
      <c r="L74" s="134"/>
      <c r="M74" s="134"/>
      <c r="N74" s="134"/>
      <c r="O74" s="134"/>
      <c r="P74" s="134"/>
    </row>
    <row r="75" spans="1:16" s="53" customFormat="1" ht="12" customHeight="1" x14ac:dyDescent="0.25">
      <c r="A75" s="41" t="s">
        <v>5</v>
      </c>
      <c r="B75" s="134" t="s">
        <v>69</v>
      </c>
      <c r="C75" s="134"/>
      <c r="D75" s="134"/>
      <c r="E75" s="134"/>
      <c r="F75" s="134"/>
      <c r="G75" s="134"/>
      <c r="H75" s="134"/>
      <c r="I75" s="134"/>
      <c r="J75" s="134"/>
      <c r="K75" s="134"/>
      <c r="L75" s="134"/>
      <c r="M75" s="134"/>
      <c r="N75" s="134"/>
      <c r="O75" s="134"/>
      <c r="P75" s="134"/>
    </row>
    <row r="76" spans="1:16" s="53" customFormat="1" ht="37.5" customHeight="1" x14ac:dyDescent="0.25">
      <c r="A76" s="41" t="s">
        <v>5</v>
      </c>
      <c r="B76" s="134" t="s">
        <v>66</v>
      </c>
      <c r="C76" s="134"/>
      <c r="D76" s="134"/>
      <c r="E76" s="134"/>
      <c r="F76" s="134"/>
      <c r="G76" s="134"/>
      <c r="H76" s="134"/>
      <c r="I76" s="134"/>
      <c r="J76" s="134"/>
      <c r="K76" s="134"/>
      <c r="L76" s="134"/>
      <c r="M76" s="134"/>
      <c r="N76" s="134"/>
      <c r="O76" s="134"/>
      <c r="P76" s="134"/>
    </row>
    <row r="77" spans="1:16" s="53" customFormat="1" x14ac:dyDescent="0.25">
      <c r="A77" s="41" t="s">
        <v>5</v>
      </c>
      <c r="B77" s="135" t="s">
        <v>130</v>
      </c>
      <c r="C77" s="135"/>
      <c r="D77" s="135"/>
      <c r="E77" s="135"/>
      <c r="F77" s="135"/>
      <c r="G77" s="135"/>
      <c r="H77" s="135"/>
      <c r="I77" s="135"/>
      <c r="J77" s="135"/>
      <c r="K77" s="135"/>
      <c r="L77" s="135"/>
      <c r="M77" s="135"/>
      <c r="N77" s="135"/>
      <c r="O77" s="135"/>
      <c r="P77" s="135"/>
    </row>
    <row r="78" spans="1:16" ht="24" customHeight="1" x14ac:dyDescent="0.25">
      <c r="A78" s="41" t="s">
        <v>5</v>
      </c>
      <c r="B78" s="148" t="s">
        <v>131</v>
      </c>
      <c r="C78" s="148"/>
      <c r="D78" s="148"/>
      <c r="E78" s="148"/>
      <c r="F78" s="148"/>
      <c r="G78" s="148"/>
      <c r="H78" s="148"/>
      <c r="I78" s="148"/>
      <c r="J78" s="148"/>
      <c r="K78" s="148"/>
      <c r="L78" s="148"/>
      <c r="M78" s="148"/>
      <c r="N78" s="148"/>
      <c r="O78" s="148"/>
      <c r="P78" s="148"/>
    </row>
    <row r="79" spans="1:16" x14ac:dyDescent="0.25">
      <c r="A79" s="41" t="s">
        <v>5</v>
      </c>
      <c r="B79" s="136" t="s">
        <v>129</v>
      </c>
      <c r="C79" s="136"/>
      <c r="D79" s="136"/>
      <c r="E79" s="136"/>
      <c r="F79" s="136"/>
      <c r="G79" s="136"/>
      <c r="H79" s="136"/>
      <c r="I79" s="136"/>
      <c r="J79" s="136"/>
      <c r="K79" s="136"/>
      <c r="L79" s="136"/>
      <c r="M79" s="136"/>
      <c r="N79" s="136"/>
      <c r="O79" s="136"/>
      <c r="P79" s="136"/>
    </row>
    <row r="80" spans="1:16" s="53" customFormat="1" x14ac:dyDescent="0.25">
      <c r="A80" s="36" t="s">
        <v>5</v>
      </c>
      <c r="B80" s="147" t="s">
        <v>132</v>
      </c>
      <c r="C80" s="147"/>
      <c r="D80" s="147"/>
      <c r="E80" s="147"/>
      <c r="F80" s="147"/>
      <c r="G80" s="147"/>
      <c r="H80" s="147"/>
      <c r="I80" s="147"/>
      <c r="J80" s="147"/>
      <c r="K80" s="147"/>
      <c r="L80" s="147"/>
      <c r="M80" s="147"/>
      <c r="N80" s="147"/>
      <c r="O80" s="147"/>
      <c r="P80" s="147"/>
    </row>
    <row r="81" spans="1:16" s="49" customFormat="1" ht="12" customHeight="1" x14ac:dyDescent="0.25">
      <c r="A81" s="41" t="s">
        <v>5</v>
      </c>
      <c r="B81" s="147" t="s">
        <v>22</v>
      </c>
      <c r="C81" s="147"/>
      <c r="D81" s="147"/>
      <c r="E81" s="147"/>
      <c r="F81" s="147"/>
      <c r="G81" s="147"/>
      <c r="H81" s="147"/>
      <c r="I81" s="147"/>
      <c r="J81" s="147"/>
      <c r="K81" s="147"/>
      <c r="L81" s="147"/>
      <c r="M81" s="147"/>
      <c r="N81" s="147"/>
      <c r="O81" s="147"/>
    </row>
    <row r="82" spans="1:16" x14ac:dyDescent="0.25">
      <c r="A82" s="41"/>
      <c r="B82" s="54"/>
      <c r="C82" s="54"/>
      <c r="D82" s="54"/>
      <c r="E82" s="54"/>
      <c r="F82" s="54"/>
      <c r="G82" s="54"/>
      <c r="H82" s="54"/>
      <c r="I82" s="54"/>
      <c r="J82" s="54"/>
      <c r="K82" s="54"/>
      <c r="L82" s="54"/>
      <c r="M82" s="54"/>
      <c r="N82" s="54"/>
      <c r="O82" s="54"/>
      <c r="P82" s="54"/>
    </row>
    <row r="83" spans="1:16" ht="11.25" customHeight="1" x14ac:dyDescent="0.25">
      <c r="A83" s="137" t="s">
        <v>134</v>
      </c>
      <c r="B83" s="137"/>
      <c r="C83" s="137"/>
      <c r="D83" s="137"/>
      <c r="E83" s="137"/>
      <c r="F83" s="137"/>
      <c r="G83" s="137"/>
      <c r="H83" s="137"/>
      <c r="I83" s="137"/>
      <c r="J83" s="137"/>
      <c r="K83" s="137"/>
      <c r="L83" s="137"/>
      <c r="M83" s="137"/>
      <c r="N83" s="137"/>
      <c r="O83" s="137"/>
      <c r="P83" s="137"/>
    </row>
    <row r="84" spans="1:16" x14ac:dyDescent="0.25">
      <c r="A84" s="41"/>
      <c r="B84" s="82" t="s">
        <v>115</v>
      </c>
      <c r="C84" s="80"/>
      <c r="D84" s="80"/>
      <c r="E84" s="80"/>
      <c r="F84" s="80"/>
      <c r="G84" s="80"/>
      <c r="H84" s="80"/>
      <c r="I84" s="80"/>
      <c r="J84" s="80"/>
      <c r="K84" s="80"/>
      <c r="L84" s="80"/>
      <c r="M84" s="80"/>
      <c r="N84" s="80"/>
      <c r="O84" s="80"/>
      <c r="P84" s="80"/>
    </row>
    <row r="85" spans="1:16" ht="8.25" customHeight="1" x14ac:dyDescent="0.25">
      <c r="A85" s="41"/>
      <c r="B85" s="81"/>
      <c r="C85" s="80"/>
      <c r="D85" s="80"/>
      <c r="E85" s="80"/>
      <c r="F85" s="80"/>
      <c r="G85" s="80"/>
      <c r="H85" s="80"/>
      <c r="I85" s="80"/>
      <c r="J85" s="80"/>
      <c r="K85" s="80"/>
      <c r="L85" s="80"/>
      <c r="M85" s="80"/>
      <c r="N85" s="80"/>
      <c r="O85" s="80"/>
      <c r="P85" s="80"/>
    </row>
    <row r="86" spans="1:16" ht="66.75" customHeight="1" x14ac:dyDescent="0.25">
      <c r="A86" s="41"/>
      <c r="B86" s="136" t="s">
        <v>232</v>
      </c>
      <c r="C86" s="136"/>
      <c r="D86" s="136"/>
      <c r="E86" s="136"/>
      <c r="F86" s="136"/>
      <c r="G86" s="136"/>
      <c r="H86" s="136"/>
      <c r="I86" s="136"/>
      <c r="J86" s="136"/>
      <c r="K86" s="136"/>
      <c r="L86" s="136"/>
      <c r="M86" s="136"/>
      <c r="N86" s="136"/>
      <c r="O86" s="136"/>
      <c r="P86" s="136"/>
    </row>
    <row r="87" spans="1:16" s="53" customFormat="1" x14ac:dyDescent="0.25">
      <c r="A87" s="55"/>
      <c r="B87" s="57"/>
      <c r="C87" s="57"/>
      <c r="D87" s="57"/>
      <c r="E87" s="57"/>
      <c r="F87" s="57"/>
      <c r="G87" s="57"/>
      <c r="H87" s="57"/>
      <c r="I87" s="57"/>
      <c r="J87" s="57"/>
      <c r="K87" s="57"/>
      <c r="L87" s="57"/>
      <c r="M87" s="57"/>
      <c r="N87" s="57"/>
      <c r="O87" s="57"/>
      <c r="P87" s="57"/>
    </row>
    <row r="88" spans="1:16" ht="12" customHeight="1" x14ac:dyDescent="0.25">
      <c r="A88" s="137" t="s">
        <v>27</v>
      </c>
      <c r="B88" s="137"/>
      <c r="C88" s="137"/>
      <c r="D88" s="137"/>
      <c r="E88" s="137"/>
      <c r="F88" s="137"/>
      <c r="G88" s="137"/>
      <c r="H88" s="137"/>
      <c r="I88" s="137"/>
      <c r="J88" s="137"/>
      <c r="K88" s="137"/>
      <c r="L88" s="137"/>
      <c r="M88" s="137"/>
      <c r="N88" s="137"/>
      <c r="O88" s="137"/>
      <c r="P88" s="137"/>
    </row>
    <row r="90" spans="1:16" ht="29.25" customHeight="1" x14ac:dyDescent="0.25">
      <c r="B90" s="140" t="s">
        <v>137</v>
      </c>
      <c r="C90" s="140"/>
      <c r="D90" s="129" t="s">
        <v>133</v>
      </c>
      <c r="E90" s="127"/>
      <c r="F90" s="127"/>
      <c r="G90" s="127"/>
      <c r="H90" s="127"/>
      <c r="I90" s="127"/>
      <c r="J90" s="127"/>
      <c r="K90" s="127"/>
      <c r="L90" s="127"/>
      <c r="M90" s="127"/>
      <c r="N90" s="127"/>
      <c r="O90" s="127"/>
      <c r="P90" s="181"/>
    </row>
    <row r="91" spans="1:16" ht="14.4" x14ac:dyDescent="0.25">
      <c r="B91" s="145" t="s">
        <v>93</v>
      </c>
      <c r="C91" s="146"/>
      <c r="D91" s="111">
        <v>350</v>
      </c>
      <c r="E91" s="182"/>
      <c r="F91" s="182"/>
      <c r="G91" s="182"/>
      <c r="H91" s="182"/>
      <c r="I91" s="182"/>
      <c r="J91" s="182"/>
      <c r="K91" s="182"/>
      <c r="L91" s="182"/>
      <c r="M91" s="182"/>
      <c r="N91" s="182"/>
      <c r="O91" s="182"/>
      <c r="P91" s="181"/>
    </row>
    <row r="93" spans="1:16" x14ac:dyDescent="0.25">
      <c r="A93" s="137" t="s">
        <v>138</v>
      </c>
      <c r="B93" s="137"/>
      <c r="C93" s="137"/>
      <c r="D93" s="137"/>
      <c r="E93" s="137"/>
      <c r="F93" s="137"/>
      <c r="G93" s="137"/>
      <c r="H93" s="137"/>
      <c r="I93" s="137"/>
      <c r="J93" s="137"/>
      <c r="K93" s="137"/>
      <c r="L93" s="137"/>
      <c r="M93" s="137"/>
      <c r="N93" s="137"/>
      <c r="O93" s="137"/>
      <c r="P93" s="137"/>
    </row>
    <row r="94" spans="1:16" x14ac:dyDescent="0.25">
      <c r="A94" s="26" t="s">
        <v>5</v>
      </c>
      <c r="B94" s="112" t="s">
        <v>31</v>
      </c>
    </row>
    <row r="160" spans="1:9" x14ac:dyDescent="0.25">
      <c r="A160" s="63"/>
      <c r="B160" s="63"/>
      <c r="C160" s="63"/>
      <c r="D160" s="63"/>
      <c r="E160" s="63"/>
      <c r="F160" s="63"/>
      <c r="G160" s="63"/>
      <c r="H160" s="63"/>
      <c r="I160" s="63"/>
    </row>
  </sheetData>
  <mergeCells count="54">
    <mergeCell ref="C54:F54"/>
    <mergeCell ref="B39:C39"/>
    <mergeCell ref="C53:J53"/>
    <mergeCell ref="C51:J51"/>
    <mergeCell ref="C46:J46"/>
    <mergeCell ref="C48:J48"/>
    <mergeCell ref="C44:J44"/>
    <mergeCell ref="C41:D41"/>
    <mergeCell ref="C47:D47"/>
    <mergeCell ref="C50:D50"/>
    <mergeCell ref="C42:J42"/>
    <mergeCell ref="C43:F43"/>
    <mergeCell ref="C45:G45"/>
    <mergeCell ref="C52:G52"/>
    <mergeCell ref="A4:P4"/>
    <mergeCell ref="A25:P25"/>
    <mergeCell ref="B12:M12"/>
    <mergeCell ref="B18:L18"/>
    <mergeCell ref="A38:P38"/>
    <mergeCell ref="N34:P34"/>
    <mergeCell ref="B29:M29"/>
    <mergeCell ref="A9:P9"/>
    <mergeCell ref="B21:M21"/>
    <mergeCell ref="B22:M22"/>
    <mergeCell ref="B33:N33"/>
    <mergeCell ref="B32:N32"/>
    <mergeCell ref="B30:M30"/>
    <mergeCell ref="A93:P93"/>
    <mergeCell ref="B90:C90"/>
    <mergeCell ref="A88:P88"/>
    <mergeCell ref="B86:P86"/>
    <mergeCell ref="B59:P59"/>
    <mergeCell ref="B67:P67"/>
    <mergeCell ref="B61:P61"/>
    <mergeCell ref="B65:P65"/>
    <mergeCell ref="B60:P60"/>
    <mergeCell ref="B91:C91"/>
    <mergeCell ref="A83:P83"/>
    <mergeCell ref="B81:O81"/>
    <mergeCell ref="B74:P74"/>
    <mergeCell ref="B75:P75"/>
    <mergeCell ref="B80:P80"/>
    <mergeCell ref="B78:P78"/>
    <mergeCell ref="C56:D56"/>
    <mergeCell ref="C55:J55"/>
    <mergeCell ref="C57:J57"/>
    <mergeCell ref="B69:P69"/>
    <mergeCell ref="B68:P68"/>
    <mergeCell ref="B76:P76"/>
    <mergeCell ref="B77:P77"/>
    <mergeCell ref="B79:P79"/>
    <mergeCell ref="A71:P71"/>
    <mergeCell ref="B72:P72"/>
    <mergeCell ref="B73:P73"/>
  </mergeCells>
  <phoneticPr fontId="21" type="noConversion"/>
  <printOptions horizontalCentered="1" verticalCentered="1"/>
  <pageMargins left="0.78740157480314965" right="0.78740157480314965" top="0.15748031496062992" bottom="0.51181102362204722" header="0" footer="0"/>
  <pageSetup paperSize="9" scale="57"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1"/>
  <dimension ref="A3:C29"/>
  <sheetViews>
    <sheetView workbookViewId="0">
      <selection activeCell="C13" sqref="C13"/>
    </sheetView>
  </sheetViews>
  <sheetFormatPr baseColWidth="10" defaultRowHeight="14.4" x14ac:dyDescent="0.3"/>
  <cols>
    <col min="1" max="3" width="11" style="6" customWidth="1"/>
  </cols>
  <sheetData>
    <row r="3" spans="1:3" x14ac:dyDescent="0.3">
      <c r="A3" s="2" t="s">
        <v>23</v>
      </c>
      <c r="B3" s="3" t="s">
        <v>24</v>
      </c>
      <c r="C3" s="3" t="s">
        <v>3</v>
      </c>
    </row>
    <row r="4" spans="1:3" x14ac:dyDescent="0.3">
      <c r="A4" s="4">
        <v>2008</v>
      </c>
      <c r="B4" s="5">
        <v>2.5000000000000001E-2</v>
      </c>
      <c r="C4" s="5">
        <v>4.4999999999999998E-2</v>
      </c>
    </row>
    <row r="5" spans="1:3" x14ac:dyDescent="0.3">
      <c r="A5" s="4">
        <v>2007</v>
      </c>
      <c r="B5" s="5">
        <v>2.5000000000000001E-2</v>
      </c>
      <c r="C5" s="5">
        <v>4.9000000000000002E-2</v>
      </c>
    </row>
    <row r="6" spans="1:3" x14ac:dyDescent="0.3">
      <c r="A6" s="4">
        <v>2006</v>
      </c>
      <c r="B6" s="5">
        <v>2.8000000000000001E-2</v>
      </c>
      <c r="C6" s="5">
        <v>5.5E-2</v>
      </c>
    </row>
    <row r="7" spans="1:3" x14ac:dyDescent="0.3">
      <c r="A7" s="4">
        <v>2005</v>
      </c>
      <c r="B7" s="5">
        <v>2.8000000000000001E-2</v>
      </c>
      <c r="C7" s="5">
        <v>6.0999999999999999E-2</v>
      </c>
    </row>
    <row r="8" spans="1:3" x14ac:dyDescent="0.3">
      <c r="A8" s="4">
        <v>2004</v>
      </c>
      <c r="B8" s="5">
        <v>2.8000000000000001E-2</v>
      </c>
      <c r="C8" s="5">
        <v>6.7000000000000004E-2</v>
      </c>
    </row>
    <row r="9" spans="1:3" x14ac:dyDescent="0.3">
      <c r="A9" s="4">
        <v>2003</v>
      </c>
      <c r="B9" s="5">
        <v>0.03</v>
      </c>
      <c r="C9" s="5">
        <v>7.0000000000000007E-2</v>
      </c>
    </row>
    <row r="10" spans="1:3" x14ac:dyDescent="0.3">
      <c r="A10" s="4">
        <v>2002</v>
      </c>
      <c r="B10" s="5">
        <v>0.03</v>
      </c>
      <c r="C10" s="5">
        <v>7.2999999999999995E-2</v>
      </c>
    </row>
    <row r="11" spans="1:3" x14ac:dyDescent="0.3">
      <c r="A11" s="4">
        <v>2001</v>
      </c>
      <c r="B11" s="5">
        <v>0.03</v>
      </c>
      <c r="C11" s="5">
        <v>7.6999999999999999E-2</v>
      </c>
    </row>
    <row r="12" spans="1:3" x14ac:dyDescent="0.3">
      <c r="A12" s="4">
        <v>2000</v>
      </c>
      <c r="B12" s="5">
        <v>3.5999999999999997E-2</v>
      </c>
      <c r="C12" s="5">
        <v>8.1000000000000003E-2</v>
      </c>
    </row>
    <row r="13" spans="1:3" x14ac:dyDescent="0.3">
      <c r="A13" s="4">
        <v>1999</v>
      </c>
      <c r="B13" s="5">
        <v>3.5999999999999997E-2</v>
      </c>
      <c r="C13" s="5">
        <v>8.5000000000000006E-2</v>
      </c>
    </row>
    <row r="14" spans="1:3" x14ac:dyDescent="0.3">
      <c r="A14" s="4">
        <v>1998</v>
      </c>
      <c r="B14" s="5">
        <v>3.5999999999999997E-2</v>
      </c>
      <c r="C14" s="5">
        <v>8.8999999999999996E-2</v>
      </c>
    </row>
    <row r="15" spans="1:3" x14ac:dyDescent="0.3">
      <c r="A15" s="4">
        <v>1997</v>
      </c>
      <c r="B15" s="5">
        <v>3.5999999999999997E-2</v>
      </c>
      <c r="C15" s="5">
        <v>9.2999999999999999E-2</v>
      </c>
    </row>
    <row r="16" spans="1:3" x14ac:dyDescent="0.3">
      <c r="A16" s="4">
        <v>1996</v>
      </c>
      <c r="B16" s="5">
        <v>3.5999999999999997E-2</v>
      </c>
      <c r="C16" s="5">
        <v>9.2999999999999999E-2</v>
      </c>
    </row>
    <row r="17" spans="1:3" x14ac:dyDescent="0.3">
      <c r="A17" s="4">
        <v>1995</v>
      </c>
      <c r="B17" s="5">
        <v>3.5999999999999997E-2</v>
      </c>
      <c r="C17" s="5">
        <v>9.2999999999999999E-2</v>
      </c>
    </row>
    <row r="18" spans="1:3" x14ac:dyDescent="0.3">
      <c r="A18" s="4">
        <v>1994</v>
      </c>
      <c r="B18" s="5">
        <v>3.5999999999999997E-2</v>
      </c>
      <c r="C18" s="5">
        <v>9.2999999999999999E-2</v>
      </c>
    </row>
    <row r="19" spans="1:3" x14ac:dyDescent="0.3">
      <c r="A19" s="4">
        <v>1993</v>
      </c>
      <c r="B19" s="5">
        <v>3.5999999999999997E-2</v>
      </c>
      <c r="C19" s="5">
        <v>9.2999999999999999E-2</v>
      </c>
    </row>
    <row r="20" spans="1:3" x14ac:dyDescent="0.3">
      <c r="A20" s="4">
        <v>1992</v>
      </c>
      <c r="B20" s="5">
        <v>3.5999999999999997E-2</v>
      </c>
      <c r="C20" s="5"/>
    </row>
    <row r="21" spans="1:3" x14ac:dyDescent="0.3">
      <c r="A21" s="4">
        <v>1991</v>
      </c>
      <c r="B21" s="5">
        <v>3.5999999999999997E-2</v>
      </c>
      <c r="C21" s="5"/>
    </row>
    <row r="22" spans="1:3" x14ac:dyDescent="0.3">
      <c r="A22" s="4">
        <v>1990</v>
      </c>
      <c r="B22" s="5">
        <v>3.5999999999999997E-2</v>
      </c>
      <c r="C22" s="5"/>
    </row>
    <row r="23" spans="1:3" x14ac:dyDescent="0.3">
      <c r="A23" s="4">
        <v>1989</v>
      </c>
      <c r="B23" s="5">
        <v>3.5999999999999997E-2</v>
      </c>
      <c r="C23" s="5"/>
    </row>
    <row r="24" spans="1:3" x14ac:dyDescent="0.3">
      <c r="A24" s="4">
        <v>1988</v>
      </c>
      <c r="B24" s="5">
        <v>3.5999999999999997E-2</v>
      </c>
      <c r="C24" s="5"/>
    </row>
    <row r="25" spans="1:3" x14ac:dyDescent="0.3">
      <c r="A25" s="4">
        <v>1987</v>
      </c>
      <c r="B25" s="5">
        <v>3.5999999999999997E-2</v>
      </c>
      <c r="C25" s="5"/>
    </row>
    <row r="26" spans="1:3" x14ac:dyDescent="0.3">
      <c r="A26" s="4">
        <v>1986</v>
      </c>
      <c r="B26" s="5">
        <v>3.5999999999999997E-2</v>
      </c>
      <c r="C26" s="5"/>
    </row>
    <row r="27" spans="1:3" x14ac:dyDescent="0.3">
      <c r="A27" s="4">
        <v>1985</v>
      </c>
      <c r="B27" s="5">
        <v>3.5999999999999997E-2</v>
      </c>
      <c r="C27" s="5"/>
    </row>
    <row r="29" spans="1:3" x14ac:dyDescent="0.3">
      <c r="A29" s="6" t="s">
        <v>25</v>
      </c>
      <c r="B29" s="6">
        <v>500</v>
      </c>
      <c r="C29" s="6">
        <v>400</v>
      </c>
    </row>
  </sheetData>
  <phoneticPr fontId="0" type="noConversion"/>
  <pageMargins left="0.7" right="0.7" top="0.75" bottom="0.75" header="0.3" footer="0.3"/>
  <pageSetup paperSize="9" orientation="portrait" r:id="rId1"/>
  <headerFooter alignWithMargins="0"/>
  <extLst>
    <ext xmlns:mx="http://schemas.microsoft.com/office/mac/excel/2008/main" uri="{64002731-A6B0-56B0-2670-7721B7C09600}">
      <mx:PLV Mode="0" OnePage="0" WScale="0"/>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2">
    <pageSetUpPr fitToPage="1"/>
  </sheetPr>
  <dimension ref="A3:IU162"/>
  <sheetViews>
    <sheetView showGridLines="0" topLeftCell="A75" workbookViewId="0">
      <selection activeCell="E90" sqref="E90"/>
    </sheetView>
  </sheetViews>
  <sheetFormatPr baseColWidth="10" defaultColWidth="11" defaultRowHeight="12" x14ac:dyDescent="0.25"/>
  <cols>
    <col min="1" max="1" width="5.5546875" style="26" customWidth="1"/>
    <col min="2" max="2" width="10" style="26" customWidth="1"/>
    <col min="3" max="3" width="13.44140625" style="26" customWidth="1"/>
    <col min="4" max="4" width="8.77734375" style="26" customWidth="1"/>
    <col min="5"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201</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97" t="s">
        <v>6</v>
      </c>
      <c r="I10" s="28"/>
      <c r="O10" s="36" t="s">
        <v>7</v>
      </c>
    </row>
    <row r="11" spans="1:16" x14ac:dyDescent="0.25">
      <c r="A11" s="26" t="s">
        <v>5</v>
      </c>
      <c r="B11" s="97" t="s">
        <v>8</v>
      </c>
      <c r="I11" s="28"/>
      <c r="O11" s="40">
        <v>100000</v>
      </c>
    </row>
    <row r="12" spans="1:16" ht="24.75" customHeight="1" x14ac:dyDescent="0.25">
      <c r="A12" s="41" t="s">
        <v>5</v>
      </c>
      <c r="B12" s="150" t="s">
        <v>70</v>
      </c>
      <c r="C12" s="150"/>
      <c r="D12" s="150"/>
      <c r="E12" s="150"/>
      <c r="F12" s="150"/>
      <c r="G12" s="150"/>
      <c r="H12" s="150"/>
      <c r="I12" s="150"/>
      <c r="J12" s="150"/>
      <c r="K12" s="150"/>
      <c r="L12" s="150"/>
      <c r="M12" s="150"/>
      <c r="O12" s="42">
        <v>20000</v>
      </c>
      <c r="P12" s="43" t="s">
        <v>9</v>
      </c>
    </row>
    <row r="13" spans="1:16" x14ac:dyDescent="0.25">
      <c r="A13" s="26" t="s">
        <v>5</v>
      </c>
      <c r="B13" s="97" t="s">
        <v>29</v>
      </c>
      <c r="I13" s="28"/>
      <c r="J13" s="28"/>
      <c r="O13" s="40"/>
      <c r="P13" s="26"/>
    </row>
    <row r="14" spans="1:16" x14ac:dyDescent="0.25">
      <c r="B14" s="44" t="s">
        <v>10</v>
      </c>
      <c r="I14" s="28"/>
      <c r="J14" s="28"/>
      <c r="O14" s="40">
        <v>20000</v>
      </c>
      <c r="P14" s="97" t="s">
        <v>9</v>
      </c>
    </row>
    <row r="15" spans="1:16" x14ac:dyDescent="0.25">
      <c r="B15" s="44" t="s">
        <v>11</v>
      </c>
      <c r="I15" s="28"/>
      <c r="J15" s="28"/>
      <c r="O15" s="40">
        <v>20000</v>
      </c>
      <c r="P15" s="97" t="s">
        <v>9</v>
      </c>
    </row>
    <row r="16" spans="1:16" x14ac:dyDescent="0.25">
      <c r="B16" s="44" t="s">
        <v>12</v>
      </c>
      <c r="I16" s="28"/>
      <c r="J16" s="28"/>
      <c r="O16" s="40">
        <v>4000</v>
      </c>
      <c r="P16" s="97" t="s">
        <v>9</v>
      </c>
    </row>
    <row r="17" spans="1:16" x14ac:dyDescent="0.25">
      <c r="B17" s="44" t="s">
        <v>33</v>
      </c>
      <c r="I17" s="28"/>
      <c r="J17" s="28"/>
      <c r="O17" s="40">
        <v>1000</v>
      </c>
      <c r="P17" s="97" t="s">
        <v>9</v>
      </c>
    </row>
    <row r="18" spans="1:16" ht="12" customHeight="1" x14ac:dyDescent="0.25">
      <c r="A18" s="41" t="s">
        <v>5</v>
      </c>
      <c r="B18" s="138" t="s">
        <v>13</v>
      </c>
      <c r="C18" s="138"/>
      <c r="D18" s="138"/>
      <c r="E18" s="138"/>
      <c r="F18" s="138"/>
      <c r="G18" s="138"/>
      <c r="H18" s="138"/>
      <c r="I18" s="138"/>
      <c r="J18" s="138"/>
      <c r="K18" s="138"/>
      <c r="L18" s="138"/>
      <c r="O18" s="40">
        <v>1000</v>
      </c>
    </row>
    <row r="19" spans="1:16" x14ac:dyDescent="0.25">
      <c r="A19" s="26" t="s">
        <v>5</v>
      </c>
      <c r="B19" s="97" t="s">
        <v>14</v>
      </c>
      <c r="I19" s="28"/>
      <c r="O19" s="36" t="s">
        <v>7</v>
      </c>
    </row>
    <row r="20" spans="1:16" x14ac:dyDescent="0.25">
      <c r="A20" s="26" t="s">
        <v>5</v>
      </c>
      <c r="B20" s="97"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34" t="s">
        <v>91</v>
      </c>
      <c r="C22" s="134"/>
      <c r="D22" s="134"/>
      <c r="E22" s="134"/>
      <c r="F22" s="134"/>
      <c r="G22" s="134"/>
      <c r="H22" s="134"/>
      <c r="I22" s="134"/>
      <c r="J22" s="134"/>
      <c r="K22" s="134"/>
      <c r="L22" s="134"/>
      <c r="M22" s="134"/>
      <c r="N22" s="46"/>
      <c r="O22" s="42">
        <v>50000</v>
      </c>
    </row>
    <row r="23" spans="1:16" x14ac:dyDescent="0.25">
      <c r="A23" s="26" t="s">
        <v>5</v>
      </c>
      <c r="B23" s="97" t="s">
        <v>16</v>
      </c>
      <c r="I23" s="28"/>
      <c r="O23" s="36" t="s">
        <v>7</v>
      </c>
    </row>
    <row r="25" spans="1:16" ht="12" customHeight="1" x14ac:dyDescent="0.25">
      <c r="A25" s="137" t="s">
        <v>17</v>
      </c>
      <c r="B25" s="137"/>
      <c r="C25" s="137"/>
      <c r="D25" s="137"/>
      <c r="E25" s="137"/>
      <c r="F25" s="137"/>
      <c r="G25" s="137"/>
      <c r="H25" s="137"/>
      <c r="I25" s="137"/>
      <c r="J25" s="137"/>
      <c r="K25" s="137"/>
      <c r="L25" s="137"/>
      <c r="M25" s="137"/>
      <c r="N25" s="137"/>
      <c r="O25" s="137"/>
      <c r="P25" s="137"/>
    </row>
    <row r="26" spans="1:16" x14ac:dyDescent="0.25">
      <c r="A26" s="26" t="s">
        <v>5</v>
      </c>
      <c r="B26" s="97" t="s">
        <v>18</v>
      </c>
      <c r="I26" s="28"/>
      <c r="O26" s="47">
        <v>250</v>
      </c>
    </row>
    <row r="27" spans="1:16" x14ac:dyDescent="0.25">
      <c r="A27" s="26" t="s">
        <v>5</v>
      </c>
      <c r="B27" s="97" t="s">
        <v>19</v>
      </c>
      <c r="I27" s="28"/>
      <c r="O27" s="47">
        <v>250</v>
      </c>
    </row>
    <row r="28" spans="1:16" x14ac:dyDescent="0.25">
      <c r="A28" s="26" t="s">
        <v>5</v>
      </c>
      <c r="B28" s="97" t="s">
        <v>126</v>
      </c>
      <c r="I28" s="28"/>
      <c r="O28" s="50" t="s">
        <v>82</v>
      </c>
    </row>
    <row r="29" spans="1:16" x14ac:dyDescent="0.25">
      <c r="A29" s="41" t="s">
        <v>5</v>
      </c>
      <c r="B29" s="152" t="s">
        <v>127</v>
      </c>
      <c r="C29" s="152"/>
      <c r="D29" s="152"/>
      <c r="E29" s="152"/>
      <c r="F29" s="152"/>
      <c r="G29" s="152"/>
      <c r="H29" s="152"/>
      <c r="I29" s="152"/>
      <c r="J29" s="152"/>
      <c r="K29" s="152"/>
      <c r="L29" s="152"/>
      <c r="M29" s="152"/>
      <c r="N29" s="98"/>
      <c r="O29" s="73" t="s">
        <v>82</v>
      </c>
      <c r="P29" s="98"/>
    </row>
    <row r="30" spans="1:16" ht="12" customHeight="1" x14ac:dyDescent="0.25">
      <c r="A30" s="41" t="s">
        <v>5</v>
      </c>
      <c r="B30" s="148" t="s">
        <v>128</v>
      </c>
      <c r="C30" s="148"/>
      <c r="D30" s="148"/>
      <c r="E30" s="148"/>
      <c r="F30" s="148"/>
      <c r="G30" s="148"/>
      <c r="H30" s="148"/>
      <c r="I30" s="148"/>
      <c r="J30" s="148"/>
      <c r="K30" s="148"/>
      <c r="L30" s="148"/>
      <c r="M30" s="148"/>
      <c r="N30" s="84"/>
      <c r="O30" s="73" t="s">
        <v>82</v>
      </c>
      <c r="P30" s="84"/>
    </row>
    <row r="31" spans="1:16" x14ac:dyDescent="0.25">
      <c r="A31" s="41" t="s">
        <v>5</v>
      </c>
      <c r="B31" s="64" t="s">
        <v>125</v>
      </c>
      <c r="C31" s="65"/>
      <c r="D31" s="50"/>
      <c r="E31" s="50"/>
      <c r="F31" s="50"/>
      <c r="G31" s="50"/>
      <c r="H31" s="50"/>
      <c r="I31" s="49"/>
      <c r="J31" s="50"/>
      <c r="K31" s="49"/>
      <c r="L31" s="49"/>
      <c r="M31" s="49"/>
      <c r="N31" s="49"/>
      <c r="O31" s="50" t="s">
        <v>82</v>
      </c>
    </row>
    <row r="32" spans="1:16" ht="12" customHeight="1" x14ac:dyDescent="0.25">
      <c r="A32" s="41"/>
      <c r="B32" s="154" t="s">
        <v>110</v>
      </c>
      <c r="C32" s="154"/>
      <c r="D32" s="154"/>
      <c r="E32" s="154"/>
      <c r="F32" s="154"/>
      <c r="G32" s="154"/>
      <c r="H32" s="154"/>
      <c r="I32" s="154"/>
      <c r="J32" s="154"/>
      <c r="K32" s="154"/>
      <c r="L32" s="154"/>
      <c r="M32" s="154"/>
      <c r="N32" s="154"/>
      <c r="O32" s="66"/>
    </row>
    <row r="33" spans="1:16" ht="12" customHeight="1" x14ac:dyDescent="0.25">
      <c r="A33" s="41"/>
      <c r="B33" s="153" t="s">
        <v>81</v>
      </c>
      <c r="C33" s="153"/>
      <c r="D33" s="153"/>
      <c r="E33" s="153"/>
      <c r="F33" s="153"/>
      <c r="G33" s="153"/>
      <c r="H33" s="153"/>
      <c r="I33" s="153"/>
      <c r="J33" s="153"/>
      <c r="K33" s="153"/>
      <c r="L33" s="153"/>
      <c r="M33" s="153"/>
      <c r="N33" s="153"/>
      <c r="O33" s="66"/>
    </row>
    <row r="34" spans="1:16" ht="24" customHeight="1" x14ac:dyDescent="0.25">
      <c r="A34" s="36" t="s">
        <v>5</v>
      </c>
      <c r="B34" s="67" t="s">
        <v>124</v>
      </c>
      <c r="C34" s="50"/>
      <c r="D34" s="50"/>
      <c r="E34" s="50"/>
      <c r="F34" s="50"/>
      <c r="G34" s="50"/>
      <c r="H34" s="50"/>
      <c r="I34" s="49"/>
      <c r="J34" s="50"/>
      <c r="K34" s="49"/>
      <c r="L34" s="49"/>
      <c r="M34" s="49"/>
      <c r="N34" s="151" t="s">
        <v>233</v>
      </c>
      <c r="O34" s="151"/>
      <c r="P34" s="151"/>
    </row>
    <row r="35" spans="1:16" x14ac:dyDescent="0.25">
      <c r="A35" s="36" t="s">
        <v>5</v>
      </c>
      <c r="B35" s="67" t="s">
        <v>123</v>
      </c>
      <c r="C35" s="50"/>
      <c r="D35" s="50"/>
      <c r="E35" s="50"/>
      <c r="F35" s="50"/>
      <c r="G35" s="50"/>
      <c r="H35" s="50"/>
      <c r="I35" s="49"/>
      <c r="J35" s="50"/>
      <c r="K35" s="49"/>
      <c r="L35" s="49"/>
      <c r="M35" s="49"/>
      <c r="N35" s="98"/>
      <c r="O35" s="50" t="s">
        <v>82</v>
      </c>
      <c r="P35" s="98"/>
    </row>
    <row r="36" spans="1:16" x14ac:dyDescent="0.25">
      <c r="A36" s="36"/>
      <c r="B36" s="68" t="s">
        <v>280</v>
      </c>
      <c r="C36" s="50"/>
      <c r="D36" s="50"/>
      <c r="E36" s="50"/>
      <c r="F36" s="50"/>
      <c r="G36" s="50"/>
      <c r="H36" s="50"/>
      <c r="I36" s="49"/>
      <c r="J36" s="50"/>
      <c r="K36" s="49"/>
      <c r="L36" s="49"/>
      <c r="M36" s="49"/>
      <c r="N36" s="98"/>
      <c r="O36" s="98"/>
      <c r="P36" s="98"/>
    </row>
    <row r="37" spans="1:16" x14ac:dyDescent="0.25">
      <c r="I37" s="48"/>
    </row>
    <row r="38" spans="1:16" ht="12" customHeight="1" x14ac:dyDescent="0.25">
      <c r="A38" s="137" t="s">
        <v>20</v>
      </c>
      <c r="B38" s="137"/>
      <c r="C38" s="137"/>
      <c r="D38" s="137"/>
      <c r="E38" s="137"/>
      <c r="F38" s="137"/>
      <c r="G38" s="137"/>
      <c r="H38" s="137"/>
      <c r="I38" s="137"/>
      <c r="J38" s="137"/>
      <c r="K38" s="137"/>
      <c r="L38" s="137"/>
      <c r="M38" s="137"/>
      <c r="N38" s="137"/>
      <c r="O38" s="137"/>
      <c r="P38" s="137"/>
    </row>
    <row r="39" spans="1:16" ht="12" customHeight="1" x14ac:dyDescent="0.25">
      <c r="A39" s="119" t="s">
        <v>221</v>
      </c>
      <c r="B39" s="155" t="s">
        <v>220</v>
      </c>
      <c r="C39" s="155"/>
      <c r="D39" s="114"/>
      <c r="E39" s="114"/>
      <c r="F39" s="114"/>
      <c r="G39" s="114"/>
      <c r="H39" s="114"/>
      <c r="I39" s="114"/>
      <c r="J39" s="114"/>
      <c r="K39" s="114"/>
      <c r="L39" s="114"/>
      <c r="M39" s="114"/>
      <c r="N39" s="114"/>
      <c r="O39" s="114"/>
      <c r="P39" s="114"/>
    </row>
    <row r="40" spans="1:16" ht="12" customHeight="1" x14ac:dyDescent="0.25">
      <c r="A40" s="49"/>
      <c r="B40" s="117" t="s">
        <v>219</v>
      </c>
      <c r="C40" s="117"/>
      <c r="D40" s="117"/>
      <c r="E40" s="117"/>
      <c r="F40" s="117"/>
      <c r="G40" s="117"/>
      <c r="H40" s="117"/>
      <c r="I40" s="116"/>
      <c r="J40" s="116"/>
      <c r="K40" s="116"/>
      <c r="L40" s="116"/>
      <c r="M40" s="116"/>
      <c r="N40" s="114"/>
      <c r="O40" s="114"/>
      <c r="P40" s="114"/>
    </row>
    <row r="41" spans="1:16" ht="12" customHeight="1" x14ac:dyDescent="0.25">
      <c r="A41" s="28"/>
      <c r="B41" s="41" t="s">
        <v>5</v>
      </c>
      <c r="C41" s="138" t="s">
        <v>192</v>
      </c>
      <c r="D41" s="138"/>
      <c r="E41" s="118"/>
      <c r="F41" s="118"/>
      <c r="G41" s="118"/>
      <c r="H41" s="118"/>
      <c r="I41" s="118"/>
      <c r="J41" s="118"/>
      <c r="K41" s="118"/>
      <c r="L41" s="118"/>
      <c r="M41" s="118"/>
      <c r="N41" s="113"/>
    </row>
    <row r="42" spans="1:16" ht="12" customHeight="1" x14ac:dyDescent="0.25">
      <c r="A42" s="41"/>
      <c r="B42" s="28"/>
      <c r="C42" s="138" t="s">
        <v>224</v>
      </c>
      <c r="D42" s="138"/>
      <c r="E42" s="138"/>
      <c r="F42" s="138"/>
      <c r="G42" s="138"/>
      <c r="H42" s="138"/>
      <c r="I42" s="138"/>
      <c r="J42" s="138"/>
      <c r="K42" s="115"/>
      <c r="L42" s="115"/>
    </row>
    <row r="43" spans="1:16" ht="12" customHeight="1" x14ac:dyDescent="0.25">
      <c r="A43" s="28"/>
      <c r="B43" s="41" t="s">
        <v>5</v>
      </c>
      <c r="C43" s="138" t="s">
        <v>198</v>
      </c>
      <c r="D43" s="138"/>
      <c r="E43" s="118"/>
      <c r="F43" s="118"/>
      <c r="G43" s="118"/>
      <c r="H43" s="118"/>
      <c r="I43" s="118"/>
      <c r="J43" s="118"/>
      <c r="K43" s="118"/>
      <c r="L43" s="118"/>
      <c r="M43" s="118"/>
      <c r="N43" s="118"/>
      <c r="O43" s="118"/>
      <c r="P43" s="118"/>
    </row>
    <row r="44" spans="1:16" ht="12" customHeight="1" x14ac:dyDescent="0.25">
      <c r="A44" s="41"/>
      <c r="B44" s="28"/>
      <c r="C44" s="138" t="s">
        <v>225</v>
      </c>
      <c r="D44" s="138"/>
      <c r="E44" s="138"/>
      <c r="F44" s="138"/>
      <c r="G44" s="138"/>
      <c r="H44" s="138"/>
      <c r="I44" s="138"/>
      <c r="J44" s="138"/>
      <c r="K44" s="115"/>
    </row>
    <row r="45" spans="1:16" ht="12" customHeight="1" x14ac:dyDescent="0.25">
      <c r="A45" s="28"/>
      <c r="B45" s="41" t="s">
        <v>5</v>
      </c>
      <c r="C45" s="138" t="s">
        <v>199</v>
      </c>
      <c r="D45" s="138"/>
      <c r="E45" s="118"/>
      <c r="F45" s="118"/>
      <c r="G45" s="118"/>
      <c r="H45" s="118"/>
      <c r="I45" s="118"/>
      <c r="J45" s="118"/>
      <c r="K45" s="118"/>
      <c r="L45" s="118"/>
      <c r="M45" s="118"/>
      <c r="N45" s="118"/>
      <c r="O45" s="118"/>
      <c r="P45" s="118"/>
    </row>
    <row r="46" spans="1:16" ht="12" customHeight="1" x14ac:dyDescent="0.25">
      <c r="A46" s="41"/>
      <c r="B46" s="28"/>
      <c r="C46" s="138" t="s">
        <v>226</v>
      </c>
      <c r="D46" s="138"/>
      <c r="E46" s="138"/>
      <c r="F46" s="138"/>
      <c r="G46" s="138"/>
      <c r="H46" s="138"/>
      <c r="I46" s="138"/>
      <c r="J46" s="138"/>
      <c r="K46" s="115"/>
    </row>
    <row r="47" spans="1:16" ht="12" customHeight="1" x14ac:dyDescent="0.25">
      <c r="A47" s="28"/>
      <c r="B47" s="26" t="s">
        <v>5</v>
      </c>
      <c r="C47" s="138" t="s">
        <v>193</v>
      </c>
      <c r="D47" s="138"/>
      <c r="E47" s="118"/>
      <c r="F47" s="118"/>
      <c r="G47" s="118"/>
      <c r="H47" s="118"/>
      <c r="I47" s="118"/>
      <c r="J47" s="118"/>
      <c r="K47" s="118"/>
      <c r="L47" s="118"/>
      <c r="M47" s="118"/>
      <c r="N47" s="118"/>
      <c r="O47" s="118"/>
      <c r="P47" s="118"/>
    </row>
    <row r="48" spans="1:16" ht="12" customHeight="1" x14ac:dyDescent="0.25">
      <c r="A48" s="41"/>
      <c r="B48" s="28"/>
      <c r="C48" s="138" t="s">
        <v>227</v>
      </c>
      <c r="D48" s="138"/>
      <c r="E48" s="138"/>
      <c r="F48" s="138"/>
      <c r="G48" s="138"/>
      <c r="H48" s="138"/>
      <c r="I48" s="138"/>
      <c r="J48" s="138"/>
      <c r="K48" s="115"/>
    </row>
    <row r="49" spans="1:16" ht="12" customHeight="1" x14ac:dyDescent="0.25">
      <c r="A49" s="28"/>
      <c r="B49" s="117" t="s">
        <v>218</v>
      </c>
      <c r="C49" s="117"/>
      <c r="D49" s="117"/>
      <c r="E49" s="117"/>
      <c r="F49" s="117"/>
      <c r="G49" s="117"/>
      <c r="H49" s="117"/>
      <c r="I49" s="115"/>
      <c r="J49" s="115"/>
      <c r="K49" s="115"/>
    </row>
    <row r="50" spans="1:16" ht="12" customHeight="1" x14ac:dyDescent="0.25">
      <c r="A50" s="28"/>
      <c r="B50" s="41" t="s">
        <v>5</v>
      </c>
      <c r="C50" s="138" t="s">
        <v>192</v>
      </c>
      <c r="D50" s="138"/>
      <c r="E50" s="118"/>
      <c r="F50" s="118"/>
      <c r="G50" s="118"/>
      <c r="H50" s="118"/>
      <c r="I50" s="118"/>
      <c r="J50" s="118"/>
      <c r="K50" s="118"/>
      <c r="L50" s="118"/>
      <c r="M50" s="118"/>
      <c r="N50" s="113"/>
    </row>
    <row r="51" spans="1:16" ht="12" customHeight="1" x14ac:dyDescent="0.25">
      <c r="A51" s="41"/>
      <c r="B51" s="28"/>
      <c r="C51" s="138" t="s">
        <v>228</v>
      </c>
      <c r="D51" s="138"/>
      <c r="E51" s="138"/>
      <c r="F51" s="138"/>
      <c r="G51" s="138"/>
      <c r="H51" s="138"/>
      <c r="I51" s="138"/>
      <c r="J51" s="138"/>
      <c r="K51" s="115"/>
      <c r="L51" s="115"/>
    </row>
    <row r="52" spans="1:16" ht="12" customHeight="1" x14ac:dyDescent="0.25">
      <c r="A52" s="28"/>
      <c r="B52" s="41" t="s">
        <v>5</v>
      </c>
      <c r="C52" s="138" t="s">
        <v>198</v>
      </c>
      <c r="D52" s="138"/>
      <c r="E52" s="118"/>
      <c r="F52" s="118"/>
      <c r="G52" s="118"/>
      <c r="H52" s="118"/>
      <c r="I52" s="118"/>
      <c r="J52" s="118"/>
      <c r="K52" s="118"/>
      <c r="L52" s="118"/>
      <c r="M52" s="118"/>
      <c r="N52" s="118"/>
      <c r="O52" s="118"/>
      <c r="P52" s="118"/>
    </row>
    <row r="53" spans="1:16" ht="12" customHeight="1" x14ac:dyDescent="0.25">
      <c r="A53" s="41"/>
      <c r="B53" s="28"/>
      <c r="C53" s="138" t="s">
        <v>229</v>
      </c>
      <c r="D53" s="138"/>
      <c r="E53" s="138"/>
      <c r="F53" s="138"/>
      <c r="G53" s="138"/>
      <c r="H53" s="138"/>
      <c r="I53" s="138"/>
      <c r="J53" s="138"/>
      <c r="K53" s="115"/>
    </row>
    <row r="54" spans="1:16" ht="12" customHeight="1" x14ac:dyDescent="0.25">
      <c r="A54" s="28"/>
      <c r="B54" s="41" t="s">
        <v>5</v>
      </c>
      <c r="C54" s="138" t="s">
        <v>199</v>
      </c>
      <c r="D54" s="138"/>
      <c r="E54" s="118"/>
      <c r="F54" s="118"/>
      <c r="G54" s="118"/>
      <c r="H54" s="118"/>
      <c r="I54" s="118"/>
      <c r="J54" s="118"/>
      <c r="K54" s="118"/>
      <c r="L54" s="118"/>
      <c r="M54" s="118"/>
      <c r="N54" s="118"/>
      <c r="O54" s="118"/>
      <c r="P54" s="118"/>
    </row>
    <row r="55" spans="1:16" ht="12" customHeight="1" x14ac:dyDescent="0.25">
      <c r="A55" s="41"/>
      <c r="B55" s="28"/>
      <c r="C55" s="138" t="s">
        <v>230</v>
      </c>
      <c r="D55" s="138"/>
      <c r="E55" s="138"/>
      <c r="F55" s="138"/>
      <c r="G55" s="138"/>
      <c r="H55" s="138"/>
      <c r="I55" s="138"/>
      <c r="J55" s="138"/>
      <c r="K55" s="115"/>
    </row>
    <row r="56" spans="1:16" ht="12" customHeight="1" x14ac:dyDescent="0.25">
      <c r="A56" s="28"/>
      <c r="B56" s="26" t="s">
        <v>5</v>
      </c>
      <c r="C56" s="138" t="s">
        <v>193</v>
      </c>
      <c r="D56" s="138"/>
      <c r="E56" s="118"/>
      <c r="F56" s="118"/>
      <c r="G56" s="118"/>
      <c r="H56" s="118"/>
      <c r="I56" s="118"/>
      <c r="J56" s="118"/>
      <c r="K56" s="118"/>
      <c r="L56" s="118"/>
      <c r="M56" s="118"/>
      <c r="N56" s="118"/>
      <c r="O56" s="118"/>
      <c r="P56" s="118"/>
    </row>
    <row r="57" spans="1:16" ht="12" customHeight="1" x14ac:dyDescent="0.25">
      <c r="A57" s="41"/>
      <c r="B57" s="28"/>
      <c r="C57" s="138" t="s">
        <v>231</v>
      </c>
      <c r="D57" s="138"/>
      <c r="E57" s="138"/>
      <c r="F57" s="138"/>
      <c r="G57" s="138"/>
      <c r="H57" s="138"/>
      <c r="I57" s="138"/>
      <c r="J57" s="138"/>
      <c r="K57" s="115"/>
    </row>
    <row r="58" spans="1:16" ht="12" customHeight="1" x14ac:dyDescent="0.25">
      <c r="A58" s="41"/>
      <c r="B58" s="28"/>
      <c r="C58" s="113"/>
      <c r="D58" s="113"/>
      <c r="E58" s="113"/>
      <c r="F58" s="113"/>
      <c r="G58" s="113"/>
      <c r="H58" s="113"/>
      <c r="I58" s="113"/>
      <c r="J58" s="113"/>
      <c r="K58" s="113"/>
    </row>
    <row r="59" spans="1:16" x14ac:dyDescent="0.25">
      <c r="A59" s="26" t="s">
        <v>5</v>
      </c>
      <c r="B59" s="141" t="s">
        <v>83</v>
      </c>
      <c r="C59" s="141"/>
      <c r="D59" s="141"/>
      <c r="E59" s="141"/>
      <c r="F59" s="141"/>
      <c r="G59" s="141"/>
      <c r="H59" s="141"/>
      <c r="I59" s="141"/>
      <c r="J59" s="141"/>
      <c r="K59" s="141"/>
      <c r="L59" s="141"/>
      <c r="M59" s="141"/>
      <c r="N59" s="141"/>
      <c r="O59" s="141"/>
      <c r="P59" s="141"/>
    </row>
    <row r="60" spans="1:16" ht="26.25" customHeight="1" x14ac:dyDescent="0.25">
      <c r="A60" s="41" t="s">
        <v>5</v>
      </c>
      <c r="B60" s="142" t="s">
        <v>94</v>
      </c>
      <c r="C60" s="142"/>
      <c r="D60" s="142"/>
      <c r="E60" s="142"/>
      <c r="F60" s="142"/>
      <c r="G60" s="142"/>
      <c r="H60" s="142"/>
      <c r="I60" s="142"/>
      <c r="J60" s="142"/>
      <c r="K60" s="142"/>
      <c r="L60" s="142"/>
      <c r="M60" s="142"/>
      <c r="N60" s="142"/>
      <c r="O60" s="142"/>
      <c r="P60" s="142"/>
    </row>
    <row r="61" spans="1:16" x14ac:dyDescent="0.25">
      <c r="A61" s="41" t="s">
        <v>5</v>
      </c>
      <c r="B61" s="142" t="s">
        <v>95</v>
      </c>
      <c r="C61" s="142"/>
      <c r="D61" s="142"/>
      <c r="E61" s="142"/>
      <c r="F61" s="142"/>
      <c r="G61" s="142"/>
      <c r="H61" s="142"/>
      <c r="I61" s="142"/>
      <c r="J61" s="142"/>
      <c r="K61" s="142"/>
      <c r="L61" s="142"/>
      <c r="M61" s="142"/>
      <c r="N61" s="142"/>
      <c r="O61" s="142"/>
      <c r="P61" s="142"/>
    </row>
    <row r="62" spans="1:16" x14ac:dyDescent="0.25">
      <c r="A62" s="26" t="s">
        <v>5</v>
      </c>
      <c r="B62" s="69" t="s">
        <v>65</v>
      </c>
      <c r="C62" s="63"/>
      <c r="D62" s="63"/>
      <c r="E62" s="63"/>
      <c r="F62" s="63"/>
      <c r="G62" s="63"/>
      <c r="H62" s="63"/>
      <c r="I62" s="63"/>
      <c r="J62" s="63"/>
      <c r="K62" s="70"/>
      <c r="L62" s="70"/>
      <c r="M62" s="70"/>
      <c r="N62" s="70"/>
      <c r="O62" s="70"/>
      <c r="P62" s="70"/>
    </row>
    <row r="63" spans="1:16" x14ac:dyDescent="0.25">
      <c r="A63" s="26" t="s">
        <v>5</v>
      </c>
      <c r="B63" s="71" t="s">
        <v>104</v>
      </c>
      <c r="C63" s="72"/>
      <c r="D63" s="72"/>
      <c r="E63" s="72"/>
      <c r="F63" s="72"/>
      <c r="G63" s="72"/>
      <c r="H63" s="72"/>
      <c r="I63" s="72"/>
      <c r="J63" s="72"/>
      <c r="K63" s="53"/>
      <c r="L63" s="53"/>
      <c r="M63" s="53"/>
      <c r="N63" s="53"/>
      <c r="O63" s="53"/>
      <c r="P63" s="53"/>
    </row>
    <row r="64" spans="1:16" x14ac:dyDescent="0.25">
      <c r="A64" s="26" t="s">
        <v>5</v>
      </c>
      <c r="B64" s="71" t="s">
        <v>26</v>
      </c>
      <c r="C64" s="72"/>
      <c r="D64" s="72"/>
      <c r="E64" s="72"/>
      <c r="F64" s="72"/>
      <c r="G64" s="72"/>
      <c r="H64" s="72"/>
      <c r="I64" s="72"/>
      <c r="J64" s="72"/>
      <c r="K64" s="53"/>
      <c r="L64" s="53"/>
      <c r="M64" s="53"/>
      <c r="N64" s="53"/>
      <c r="O64" s="53"/>
      <c r="P64" s="53"/>
    </row>
    <row r="65" spans="1:16" ht="24" customHeight="1" x14ac:dyDescent="0.25">
      <c r="A65" s="41" t="s">
        <v>5</v>
      </c>
      <c r="B65" s="143" t="s">
        <v>111</v>
      </c>
      <c r="C65" s="143"/>
      <c r="D65" s="143"/>
      <c r="E65" s="143"/>
      <c r="F65" s="143"/>
      <c r="G65" s="143"/>
      <c r="H65" s="143"/>
      <c r="I65" s="143"/>
      <c r="J65" s="143"/>
      <c r="K65" s="143"/>
      <c r="L65" s="143"/>
      <c r="M65" s="143"/>
      <c r="N65" s="143"/>
      <c r="O65" s="143"/>
      <c r="P65" s="143"/>
    </row>
    <row r="67" spans="1:16" x14ac:dyDescent="0.25">
      <c r="A67" s="97"/>
      <c r="B67" s="141" t="s">
        <v>21</v>
      </c>
      <c r="C67" s="141"/>
      <c r="D67" s="141"/>
      <c r="E67" s="141"/>
      <c r="F67" s="141"/>
      <c r="G67" s="141"/>
      <c r="H67" s="141"/>
      <c r="I67" s="141"/>
      <c r="J67" s="141"/>
      <c r="K67" s="141"/>
      <c r="L67" s="141"/>
      <c r="M67" s="141"/>
      <c r="N67" s="141"/>
      <c r="O67" s="141"/>
      <c r="P67" s="141"/>
    </row>
    <row r="68" spans="1:16" ht="25.5" customHeight="1" x14ac:dyDescent="0.25">
      <c r="A68" s="97"/>
      <c r="B68" s="139" t="s">
        <v>197</v>
      </c>
      <c r="C68" s="138"/>
      <c r="D68" s="138"/>
      <c r="E68" s="138"/>
      <c r="F68" s="138"/>
      <c r="G68" s="138"/>
      <c r="H68" s="138"/>
      <c r="I68" s="138"/>
      <c r="J68" s="138"/>
      <c r="K68" s="138"/>
      <c r="L68" s="138"/>
      <c r="M68" s="138"/>
      <c r="N68" s="138"/>
      <c r="O68" s="138"/>
      <c r="P68" s="138"/>
    </row>
    <row r="69" spans="1:16" ht="25.5" customHeight="1" x14ac:dyDescent="0.25">
      <c r="A69" s="97"/>
      <c r="B69" s="138"/>
      <c r="C69" s="138"/>
      <c r="D69" s="138"/>
      <c r="E69" s="138"/>
      <c r="F69" s="138"/>
      <c r="G69" s="138"/>
      <c r="H69" s="138"/>
      <c r="I69" s="138"/>
      <c r="J69" s="138"/>
      <c r="K69" s="138"/>
      <c r="L69" s="138"/>
      <c r="M69" s="138"/>
      <c r="N69" s="138"/>
      <c r="O69" s="138"/>
      <c r="P69" s="138"/>
    </row>
    <row r="70" spans="1:16" ht="13.5" customHeight="1" x14ac:dyDescent="0.25"/>
    <row r="71" spans="1:16" ht="11.25" customHeight="1" x14ac:dyDescent="0.25">
      <c r="A71" s="137" t="s">
        <v>62</v>
      </c>
      <c r="B71" s="137"/>
      <c r="C71" s="137"/>
      <c r="D71" s="137"/>
      <c r="E71" s="137"/>
      <c r="F71" s="137"/>
      <c r="G71" s="137"/>
      <c r="H71" s="137"/>
      <c r="I71" s="137"/>
      <c r="J71" s="137"/>
      <c r="K71" s="137"/>
      <c r="L71" s="137"/>
      <c r="M71" s="137"/>
      <c r="N71" s="137"/>
      <c r="O71" s="137"/>
      <c r="P71" s="137"/>
    </row>
    <row r="72" spans="1:16" s="53" customFormat="1" x14ac:dyDescent="0.25">
      <c r="A72" s="41" t="s">
        <v>5</v>
      </c>
      <c r="B72" s="134" t="s">
        <v>63</v>
      </c>
      <c r="C72" s="134"/>
      <c r="D72" s="134"/>
      <c r="E72" s="134"/>
      <c r="F72" s="134"/>
      <c r="G72" s="134"/>
      <c r="H72" s="134"/>
      <c r="I72" s="134"/>
      <c r="J72" s="134"/>
      <c r="K72" s="134"/>
      <c r="L72" s="134"/>
      <c r="M72" s="134"/>
      <c r="N72" s="134"/>
      <c r="O72" s="134"/>
      <c r="P72" s="134"/>
    </row>
    <row r="73" spans="1:16" x14ac:dyDescent="0.25">
      <c r="A73" s="41" t="s">
        <v>5</v>
      </c>
      <c r="B73" s="138" t="s">
        <v>139</v>
      </c>
      <c r="C73" s="138"/>
      <c r="D73" s="138"/>
      <c r="E73" s="138"/>
      <c r="F73" s="138"/>
      <c r="G73" s="138"/>
      <c r="H73" s="138"/>
      <c r="I73" s="138"/>
      <c r="J73" s="138"/>
      <c r="K73" s="138"/>
      <c r="L73" s="138"/>
      <c r="M73" s="138"/>
      <c r="N73" s="138"/>
      <c r="O73" s="138"/>
      <c r="P73" s="138"/>
    </row>
    <row r="74" spans="1:16" s="53" customFormat="1" ht="25.5" customHeight="1" x14ac:dyDescent="0.25">
      <c r="A74" s="41" t="s">
        <v>5</v>
      </c>
      <c r="B74" s="134" t="s">
        <v>68</v>
      </c>
      <c r="C74" s="134"/>
      <c r="D74" s="134"/>
      <c r="E74" s="134"/>
      <c r="F74" s="134"/>
      <c r="G74" s="134"/>
      <c r="H74" s="134"/>
      <c r="I74" s="134"/>
      <c r="J74" s="134"/>
      <c r="K74" s="134"/>
      <c r="L74" s="134"/>
      <c r="M74" s="134"/>
      <c r="N74" s="134"/>
      <c r="O74" s="134"/>
      <c r="P74" s="134"/>
    </row>
    <row r="75" spans="1:16" s="53" customFormat="1" ht="12" customHeight="1" x14ac:dyDescent="0.25">
      <c r="A75" s="41" t="s">
        <v>5</v>
      </c>
      <c r="B75" s="134" t="s">
        <v>69</v>
      </c>
      <c r="C75" s="134"/>
      <c r="D75" s="134"/>
      <c r="E75" s="134"/>
      <c r="F75" s="134"/>
      <c r="G75" s="134"/>
      <c r="H75" s="134"/>
      <c r="I75" s="134"/>
      <c r="J75" s="134"/>
      <c r="K75" s="134"/>
      <c r="L75" s="134"/>
      <c r="M75" s="134"/>
      <c r="N75" s="134"/>
      <c r="O75" s="134"/>
      <c r="P75" s="134"/>
    </row>
    <row r="76" spans="1:16" s="53" customFormat="1" ht="37.5" customHeight="1" x14ac:dyDescent="0.25">
      <c r="A76" s="41" t="s">
        <v>5</v>
      </c>
      <c r="B76" s="134" t="s">
        <v>66</v>
      </c>
      <c r="C76" s="134"/>
      <c r="D76" s="134"/>
      <c r="E76" s="134"/>
      <c r="F76" s="134"/>
      <c r="G76" s="134"/>
      <c r="H76" s="134"/>
      <c r="I76" s="134"/>
      <c r="J76" s="134"/>
      <c r="K76" s="134"/>
      <c r="L76" s="134"/>
      <c r="M76" s="134"/>
      <c r="N76" s="134"/>
      <c r="O76" s="134"/>
      <c r="P76" s="134"/>
    </row>
    <row r="77" spans="1:16" s="53" customFormat="1" x14ac:dyDescent="0.25">
      <c r="A77" s="41" t="s">
        <v>5</v>
      </c>
      <c r="B77" s="135" t="s">
        <v>130</v>
      </c>
      <c r="C77" s="135"/>
      <c r="D77" s="135"/>
      <c r="E77" s="135"/>
      <c r="F77" s="135"/>
      <c r="G77" s="135"/>
      <c r="H77" s="135"/>
      <c r="I77" s="135"/>
      <c r="J77" s="135"/>
      <c r="K77" s="135"/>
      <c r="L77" s="135"/>
      <c r="M77" s="135"/>
      <c r="N77" s="135"/>
      <c r="O77" s="135"/>
      <c r="P77" s="135"/>
    </row>
    <row r="78" spans="1:16" ht="24" customHeight="1" x14ac:dyDescent="0.25">
      <c r="A78" s="41" t="s">
        <v>5</v>
      </c>
      <c r="B78" s="148" t="s">
        <v>131</v>
      </c>
      <c r="C78" s="148"/>
      <c r="D78" s="148"/>
      <c r="E78" s="148"/>
      <c r="F78" s="148"/>
      <c r="G78" s="148"/>
      <c r="H78" s="148"/>
      <c r="I78" s="148"/>
      <c r="J78" s="148"/>
      <c r="K78" s="148"/>
      <c r="L78" s="148"/>
      <c r="M78" s="148"/>
      <c r="N78" s="148"/>
      <c r="O78" s="148"/>
      <c r="P78" s="148"/>
    </row>
    <row r="79" spans="1:16" x14ac:dyDescent="0.25">
      <c r="A79" s="41" t="s">
        <v>5</v>
      </c>
      <c r="B79" s="136" t="s">
        <v>129</v>
      </c>
      <c r="C79" s="136"/>
      <c r="D79" s="136"/>
      <c r="E79" s="136"/>
      <c r="F79" s="136"/>
      <c r="G79" s="136"/>
      <c r="H79" s="136"/>
      <c r="I79" s="136"/>
      <c r="J79" s="136"/>
      <c r="K79" s="136"/>
      <c r="L79" s="136"/>
      <c r="M79" s="136"/>
      <c r="N79" s="136"/>
      <c r="O79" s="136"/>
      <c r="P79" s="136"/>
    </row>
    <row r="80" spans="1:16" s="53" customFormat="1" x14ac:dyDescent="0.25">
      <c r="A80" s="36" t="s">
        <v>5</v>
      </c>
      <c r="B80" s="147" t="s">
        <v>132</v>
      </c>
      <c r="C80" s="147"/>
      <c r="D80" s="147"/>
      <c r="E80" s="147"/>
      <c r="F80" s="147"/>
      <c r="G80" s="147"/>
      <c r="H80" s="147"/>
      <c r="I80" s="147"/>
      <c r="J80" s="147"/>
      <c r="K80" s="147"/>
      <c r="L80" s="147"/>
      <c r="M80" s="147"/>
      <c r="N80" s="147"/>
      <c r="O80" s="147"/>
      <c r="P80" s="147"/>
    </row>
    <row r="81" spans="1:16" s="49" customFormat="1" ht="12" customHeight="1" x14ac:dyDescent="0.25">
      <c r="A81" s="41" t="s">
        <v>5</v>
      </c>
      <c r="B81" s="147" t="s">
        <v>22</v>
      </c>
      <c r="C81" s="147"/>
      <c r="D81" s="147"/>
      <c r="E81" s="147"/>
      <c r="F81" s="147"/>
      <c r="G81" s="147"/>
      <c r="H81" s="147"/>
      <c r="I81" s="147"/>
      <c r="J81" s="147"/>
      <c r="K81" s="147"/>
      <c r="L81" s="147"/>
      <c r="M81" s="147"/>
      <c r="N81" s="147"/>
      <c r="O81" s="147"/>
    </row>
    <row r="82" spans="1:16" x14ac:dyDescent="0.25">
      <c r="A82" s="41"/>
      <c r="B82" s="54"/>
      <c r="C82" s="54"/>
      <c r="D82" s="54"/>
      <c r="E82" s="54"/>
      <c r="F82" s="54"/>
      <c r="G82" s="54"/>
      <c r="H82" s="54"/>
      <c r="I82" s="54"/>
      <c r="J82" s="54"/>
      <c r="K82" s="54"/>
      <c r="L82" s="54"/>
      <c r="M82" s="54"/>
      <c r="N82" s="54"/>
      <c r="O82" s="54"/>
      <c r="P82" s="54"/>
    </row>
    <row r="83" spans="1:16" ht="11.25" customHeight="1" x14ac:dyDescent="0.25">
      <c r="A83" s="137" t="s">
        <v>134</v>
      </c>
      <c r="B83" s="137"/>
      <c r="C83" s="137"/>
      <c r="D83" s="137"/>
      <c r="E83" s="137"/>
      <c r="F83" s="137"/>
      <c r="G83" s="137"/>
      <c r="H83" s="137"/>
      <c r="I83" s="137"/>
      <c r="J83" s="137"/>
      <c r="K83" s="137"/>
      <c r="L83" s="137"/>
      <c r="M83" s="137"/>
      <c r="N83" s="137"/>
      <c r="O83" s="137"/>
      <c r="P83" s="137"/>
    </row>
    <row r="84" spans="1:16" x14ac:dyDescent="0.25">
      <c r="A84" s="41"/>
      <c r="B84" s="82" t="s">
        <v>115</v>
      </c>
      <c r="C84" s="96"/>
      <c r="D84" s="96"/>
      <c r="E84" s="96"/>
      <c r="F84" s="96"/>
      <c r="G84" s="96"/>
      <c r="H84" s="96"/>
      <c r="I84" s="96"/>
      <c r="J84" s="96"/>
      <c r="K84" s="96"/>
      <c r="L84" s="96"/>
      <c r="M84" s="96"/>
      <c r="N84" s="96"/>
      <c r="O84" s="96"/>
      <c r="P84" s="96"/>
    </row>
    <row r="85" spans="1:16" ht="8.25" customHeight="1" x14ac:dyDescent="0.25">
      <c r="A85" s="41"/>
      <c r="B85" s="81"/>
      <c r="C85" s="96"/>
      <c r="D85" s="96"/>
      <c r="E85" s="96"/>
      <c r="F85" s="96"/>
      <c r="G85" s="96"/>
      <c r="H85" s="96"/>
      <c r="I85" s="96"/>
      <c r="J85" s="96"/>
      <c r="K85" s="96"/>
      <c r="L85" s="96"/>
      <c r="M85" s="96"/>
      <c r="N85" s="96"/>
      <c r="O85" s="96"/>
      <c r="P85" s="96"/>
    </row>
    <row r="86" spans="1:16" ht="66.75" customHeight="1" x14ac:dyDescent="0.25">
      <c r="A86" s="41"/>
      <c r="B86" s="136" t="s">
        <v>232</v>
      </c>
      <c r="C86" s="136"/>
      <c r="D86" s="136"/>
      <c r="E86" s="136"/>
      <c r="F86" s="136"/>
      <c r="G86" s="136"/>
      <c r="H86" s="136"/>
      <c r="I86" s="136"/>
      <c r="J86" s="136"/>
      <c r="K86" s="136"/>
      <c r="L86" s="136"/>
      <c r="M86" s="136"/>
      <c r="N86" s="136"/>
      <c r="O86" s="136"/>
      <c r="P86" s="136"/>
    </row>
    <row r="87" spans="1:16" s="53" customFormat="1" x14ac:dyDescent="0.25">
      <c r="A87" s="55"/>
      <c r="B87" s="57"/>
      <c r="C87" s="57"/>
      <c r="D87" s="57"/>
      <c r="E87" s="57"/>
      <c r="F87" s="57"/>
      <c r="G87" s="57"/>
      <c r="H87" s="57"/>
      <c r="I87" s="57"/>
      <c r="J87" s="57"/>
      <c r="K87" s="57"/>
      <c r="L87" s="57"/>
      <c r="M87" s="57"/>
      <c r="N87" s="57"/>
      <c r="O87" s="57"/>
      <c r="P87" s="57"/>
    </row>
    <row r="88" spans="1:16" ht="12" customHeight="1" x14ac:dyDescent="0.25">
      <c r="A88" s="137" t="s">
        <v>27</v>
      </c>
      <c r="B88" s="137"/>
      <c r="C88" s="137"/>
      <c r="D88" s="137"/>
      <c r="E88" s="137"/>
      <c r="F88" s="137"/>
      <c r="G88" s="137"/>
      <c r="H88" s="137"/>
      <c r="I88" s="137"/>
      <c r="J88" s="137"/>
      <c r="K88" s="137"/>
      <c r="L88" s="137"/>
      <c r="M88" s="137"/>
      <c r="N88" s="137"/>
      <c r="O88" s="137"/>
      <c r="P88" s="137"/>
    </row>
    <row r="90" spans="1:16" ht="29.25" customHeight="1" x14ac:dyDescent="0.25">
      <c r="B90" s="140" t="s">
        <v>137</v>
      </c>
      <c r="C90" s="140"/>
      <c r="D90" s="129" t="s">
        <v>133</v>
      </c>
      <c r="E90" s="127"/>
      <c r="F90" s="127"/>
      <c r="G90" s="127"/>
      <c r="H90" s="127"/>
      <c r="I90" s="127"/>
      <c r="J90" s="127"/>
      <c r="K90" s="127"/>
      <c r="L90" s="127"/>
      <c r="M90" s="127"/>
      <c r="N90" s="127"/>
      <c r="O90" s="127"/>
    </row>
    <row r="91" spans="1:16" ht="14.4" x14ac:dyDescent="0.25">
      <c r="B91" s="145" t="s">
        <v>93</v>
      </c>
      <c r="C91" s="146"/>
      <c r="D91" s="111">
        <v>350</v>
      </c>
      <c r="E91" s="182"/>
      <c r="F91" s="182"/>
      <c r="G91" s="182"/>
      <c r="H91" s="182"/>
      <c r="I91" s="182"/>
      <c r="J91" s="182"/>
      <c r="K91" s="182"/>
      <c r="L91" s="182"/>
      <c r="M91" s="182"/>
      <c r="N91" s="182"/>
      <c r="O91" s="182"/>
    </row>
    <row r="92" spans="1:16" ht="15" customHeight="1" x14ac:dyDescent="0.25"/>
    <row r="93" spans="1:16" x14ac:dyDescent="0.25">
      <c r="A93" s="137" t="s">
        <v>138</v>
      </c>
      <c r="B93" s="137"/>
      <c r="C93" s="137"/>
      <c r="D93" s="137"/>
      <c r="E93" s="137"/>
      <c r="F93" s="137"/>
      <c r="G93" s="137"/>
      <c r="H93" s="137"/>
      <c r="I93" s="137"/>
      <c r="J93" s="137"/>
      <c r="K93" s="137"/>
      <c r="L93" s="137"/>
      <c r="M93" s="137"/>
      <c r="N93" s="137"/>
      <c r="O93" s="137"/>
      <c r="P93" s="137"/>
    </row>
    <row r="94" spans="1:16" x14ac:dyDescent="0.25">
      <c r="A94" s="26" t="s">
        <v>5</v>
      </c>
      <c r="B94" s="112" t="s">
        <v>31</v>
      </c>
    </row>
    <row r="162" spans="1:255" s="26" customFormat="1" x14ac:dyDescent="0.25">
      <c r="A162" s="63"/>
      <c r="B162" s="63"/>
      <c r="C162" s="63"/>
      <c r="D162" s="63"/>
      <c r="E162" s="63"/>
      <c r="F162" s="63"/>
      <c r="G162" s="63"/>
      <c r="H162" s="63"/>
      <c r="I162" s="63"/>
      <c r="K162" s="28"/>
      <c r="L162" s="28"/>
      <c r="M162" s="28"/>
      <c r="N162" s="28"/>
      <c r="O162" s="28"/>
      <c r="P162" s="28"/>
      <c r="Q162" s="28"/>
      <c r="R162" s="28"/>
      <c r="S162" s="28"/>
      <c r="T162" s="28"/>
      <c r="U162" s="28"/>
      <c r="V162" s="28"/>
      <c r="W162" s="28"/>
      <c r="X162" s="28"/>
      <c r="Y162" s="28"/>
      <c r="Z162" s="28"/>
      <c r="AA162" s="28"/>
      <c r="AB162" s="28"/>
      <c r="AC162" s="28"/>
      <c r="AD162" s="28"/>
      <c r="AE162" s="28"/>
      <c r="AF162" s="28"/>
      <c r="AG162" s="28"/>
      <c r="AH162" s="28"/>
      <c r="AI162" s="28"/>
      <c r="AJ162" s="28"/>
      <c r="AK162" s="28"/>
      <c r="AL162" s="28"/>
      <c r="AM162" s="28"/>
      <c r="AN162" s="28"/>
      <c r="AO162" s="28"/>
      <c r="AP162" s="28"/>
      <c r="AQ162" s="28"/>
      <c r="AR162" s="28"/>
      <c r="AS162" s="28"/>
      <c r="AT162" s="28"/>
      <c r="AU162" s="28"/>
      <c r="AV162" s="28"/>
      <c r="AW162" s="28"/>
      <c r="AX162" s="28"/>
      <c r="AY162" s="28"/>
      <c r="AZ162" s="28"/>
      <c r="BA162" s="28"/>
      <c r="BB162" s="28"/>
      <c r="BC162" s="28"/>
      <c r="BD162" s="28"/>
      <c r="BE162" s="28"/>
      <c r="BF162" s="28"/>
      <c r="BG162" s="28"/>
      <c r="BH162" s="28"/>
      <c r="BI162" s="28"/>
      <c r="BJ162" s="28"/>
      <c r="BK162" s="28"/>
      <c r="BL162" s="28"/>
      <c r="BM162" s="28"/>
      <c r="BN162" s="28"/>
      <c r="BO162" s="28"/>
      <c r="BP162" s="28"/>
      <c r="BQ162" s="28"/>
      <c r="BR162" s="28"/>
      <c r="BS162" s="28"/>
      <c r="BT162" s="28"/>
      <c r="BU162" s="28"/>
      <c r="BV162" s="28"/>
      <c r="BW162" s="28"/>
      <c r="BX162" s="28"/>
      <c r="BY162" s="28"/>
      <c r="BZ162" s="28"/>
      <c r="CA162" s="28"/>
      <c r="CB162" s="28"/>
      <c r="CC162" s="28"/>
      <c r="CD162" s="28"/>
      <c r="CE162" s="28"/>
      <c r="CF162" s="28"/>
      <c r="CG162" s="28"/>
      <c r="CH162" s="28"/>
      <c r="CI162" s="28"/>
      <c r="CJ162" s="28"/>
      <c r="CK162" s="28"/>
      <c r="CL162" s="28"/>
      <c r="CM162" s="28"/>
      <c r="CN162" s="28"/>
      <c r="CO162" s="28"/>
      <c r="CP162" s="28"/>
      <c r="CQ162" s="28"/>
      <c r="CR162" s="28"/>
      <c r="CS162" s="28"/>
      <c r="CT162" s="28"/>
      <c r="CU162" s="28"/>
      <c r="CV162" s="28"/>
      <c r="CW162" s="28"/>
      <c r="CX162" s="28"/>
      <c r="CY162" s="28"/>
      <c r="CZ162" s="28"/>
      <c r="DA162" s="28"/>
      <c r="DB162" s="28"/>
      <c r="DC162" s="28"/>
      <c r="DD162" s="28"/>
      <c r="DE162" s="28"/>
      <c r="DF162" s="28"/>
      <c r="DG162" s="28"/>
      <c r="DH162" s="28"/>
      <c r="DI162" s="28"/>
      <c r="DJ162" s="28"/>
      <c r="DK162" s="28"/>
      <c r="DL162" s="28"/>
      <c r="DM162" s="28"/>
      <c r="DN162" s="28"/>
      <c r="DO162" s="28"/>
      <c r="DP162" s="28"/>
      <c r="DQ162" s="28"/>
      <c r="DR162" s="28"/>
      <c r="DS162" s="28"/>
      <c r="DT162" s="28"/>
      <c r="DU162" s="28"/>
      <c r="DV162" s="28"/>
      <c r="DW162" s="28"/>
      <c r="DX162" s="28"/>
      <c r="DY162" s="28"/>
      <c r="DZ162" s="28"/>
      <c r="EA162" s="28"/>
      <c r="EB162" s="28"/>
      <c r="EC162" s="28"/>
      <c r="ED162" s="28"/>
      <c r="EE162" s="28"/>
      <c r="EF162" s="28"/>
      <c r="EG162" s="28"/>
      <c r="EH162" s="28"/>
      <c r="EI162" s="28"/>
      <c r="EJ162" s="28"/>
      <c r="EK162" s="28"/>
      <c r="EL162" s="28"/>
      <c r="EM162" s="28"/>
      <c r="EN162" s="28"/>
      <c r="EO162" s="28"/>
      <c r="EP162" s="28"/>
      <c r="EQ162" s="28"/>
      <c r="ER162" s="28"/>
      <c r="ES162" s="28"/>
      <c r="ET162" s="28"/>
      <c r="EU162" s="28"/>
      <c r="EV162" s="28"/>
      <c r="EW162" s="28"/>
      <c r="EX162" s="28"/>
      <c r="EY162" s="28"/>
      <c r="EZ162" s="28"/>
      <c r="FA162" s="28"/>
      <c r="FB162" s="28"/>
      <c r="FC162" s="28"/>
      <c r="FD162" s="28"/>
      <c r="FE162" s="28"/>
      <c r="FF162" s="28"/>
      <c r="FG162" s="28"/>
      <c r="FH162" s="28"/>
      <c r="FI162" s="28"/>
      <c r="FJ162" s="28"/>
      <c r="FK162" s="28"/>
      <c r="FL162" s="28"/>
      <c r="FM162" s="28"/>
      <c r="FN162" s="28"/>
      <c r="FO162" s="28"/>
      <c r="FP162" s="28"/>
      <c r="FQ162" s="28"/>
      <c r="FR162" s="28"/>
      <c r="FS162" s="28"/>
      <c r="FT162" s="28"/>
      <c r="FU162" s="28"/>
      <c r="FV162" s="28"/>
      <c r="FW162" s="28"/>
      <c r="FX162" s="28"/>
      <c r="FY162" s="28"/>
      <c r="FZ162" s="28"/>
      <c r="GA162" s="28"/>
      <c r="GB162" s="28"/>
      <c r="GC162" s="28"/>
      <c r="GD162" s="28"/>
      <c r="GE162" s="28"/>
      <c r="GF162" s="28"/>
      <c r="GG162" s="28"/>
      <c r="GH162" s="28"/>
      <c r="GI162" s="28"/>
      <c r="GJ162" s="28"/>
      <c r="GK162" s="28"/>
      <c r="GL162" s="28"/>
      <c r="GM162" s="28"/>
      <c r="GN162" s="28"/>
      <c r="GO162" s="28"/>
      <c r="GP162" s="28"/>
      <c r="GQ162" s="28"/>
      <c r="GR162" s="28"/>
      <c r="GS162" s="28"/>
      <c r="GT162" s="28"/>
      <c r="GU162" s="28"/>
      <c r="GV162" s="28"/>
      <c r="GW162" s="28"/>
      <c r="GX162" s="28"/>
      <c r="GY162" s="28"/>
      <c r="GZ162" s="28"/>
      <c r="HA162" s="28"/>
      <c r="HB162" s="28"/>
      <c r="HC162" s="28"/>
      <c r="HD162" s="28"/>
      <c r="HE162" s="28"/>
      <c r="HF162" s="28"/>
      <c r="HG162" s="28"/>
      <c r="HH162" s="28"/>
      <c r="HI162" s="28"/>
      <c r="HJ162" s="28"/>
      <c r="HK162" s="28"/>
      <c r="HL162" s="28"/>
      <c r="HM162" s="28"/>
      <c r="HN162" s="28"/>
      <c r="HO162" s="28"/>
      <c r="HP162" s="28"/>
      <c r="HQ162" s="28"/>
      <c r="HR162" s="28"/>
      <c r="HS162" s="28"/>
      <c r="HT162" s="28"/>
      <c r="HU162" s="28"/>
      <c r="HV162" s="28"/>
      <c r="HW162" s="28"/>
      <c r="HX162" s="28"/>
      <c r="HY162" s="28"/>
      <c r="HZ162" s="28"/>
      <c r="IA162" s="28"/>
      <c r="IB162" s="28"/>
      <c r="IC162" s="28"/>
      <c r="ID162" s="28"/>
      <c r="IE162" s="28"/>
      <c r="IF162" s="28"/>
      <c r="IG162" s="28"/>
      <c r="IH162" s="28"/>
      <c r="II162" s="28"/>
      <c r="IJ162" s="28"/>
      <c r="IK162" s="28"/>
      <c r="IL162" s="28"/>
      <c r="IM162" s="28"/>
      <c r="IN162" s="28"/>
      <c r="IO162" s="28"/>
      <c r="IP162" s="28"/>
      <c r="IQ162" s="28"/>
      <c r="IR162" s="28"/>
      <c r="IS162" s="28"/>
      <c r="IT162" s="28"/>
      <c r="IU162" s="28"/>
    </row>
  </sheetData>
  <mergeCells count="54">
    <mergeCell ref="C53:J53"/>
    <mergeCell ref="C54:D54"/>
    <mergeCell ref="C55:J55"/>
    <mergeCell ref="C56:D56"/>
    <mergeCell ref="C57:J57"/>
    <mergeCell ref="N34:P34"/>
    <mergeCell ref="B22:M22"/>
    <mergeCell ref="A4:P4"/>
    <mergeCell ref="A9:P9"/>
    <mergeCell ref="B12:M12"/>
    <mergeCell ref="B18:L18"/>
    <mergeCell ref="B21:M21"/>
    <mergeCell ref="A25:P25"/>
    <mergeCell ref="B29:M29"/>
    <mergeCell ref="B30:M30"/>
    <mergeCell ref="B32:N32"/>
    <mergeCell ref="B33:N33"/>
    <mergeCell ref="B59:P59"/>
    <mergeCell ref="B60:P60"/>
    <mergeCell ref="B61:P61"/>
    <mergeCell ref="A38:P38"/>
    <mergeCell ref="C42:J42"/>
    <mergeCell ref="C44:J44"/>
    <mergeCell ref="C46:J46"/>
    <mergeCell ref="B39:C39"/>
    <mergeCell ref="C41:D41"/>
    <mergeCell ref="C43:D43"/>
    <mergeCell ref="C45:D45"/>
    <mergeCell ref="C47:D47"/>
    <mergeCell ref="C48:J48"/>
    <mergeCell ref="C50:D50"/>
    <mergeCell ref="C51:J51"/>
    <mergeCell ref="C52:D52"/>
    <mergeCell ref="B77:P77"/>
    <mergeCell ref="B65:P65"/>
    <mergeCell ref="B67:P67"/>
    <mergeCell ref="B68:P68"/>
    <mergeCell ref="B69:P69"/>
    <mergeCell ref="A71:P71"/>
    <mergeCell ref="B72:P72"/>
    <mergeCell ref="B73:P73"/>
    <mergeCell ref="B74:P74"/>
    <mergeCell ref="B75:P75"/>
    <mergeCell ref="B76:P76"/>
    <mergeCell ref="B86:P86"/>
    <mergeCell ref="A88:P88"/>
    <mergeCell ref="B90:C90"/>
    <mergeCell ref="A93:P93"/>
    <mergeCell ref="B78:P78"/>
    <mergeCell ref="B79:P79"/>
    <mergeCell ref="B80:P80"/>
    <mergeCell ref="B81:O81"/>
    <mergeCell ref="A83:P83"/>
    <mergeCell ref="B91:C91"/>
  </mergeCells>
  <printOptions horizontalCentered="1" verticalCentered="1"/>
  <pageMargins left="0.78740157480314965" right="0.78740157480314965" top="0.15748031496062992" bottom="0.51181102362204722" header="0" footer="0"/>
  <pageSetup paperSize="9" scale="58" orientation="portrait" r:id="rId1"/>
  <headerFooter alignWithMargins="0">
    <oddFooter>&amp;C&amp;8SEGURO VEHICULAR TODO RIESGO EMPRESAS - LIMA - MAYO 2013&amp;R&amp;8&amp;P</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4">
    <pageSetUpPr fitToPage="1"/>
  </sheetPr>
  <dimension ref="A3:IV165"/>
  <sheetViews>
    <sheetView showGridLines="0" topLeftCell="A86" workbookViewId="0">
      <selection activeCell="H95" sqref="H95"/>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200</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50" t="s">
        <v>70</v>
      </c>
      <c r="C12" s="150"/>
      <c r="D12" s="150"/>
      <c r="E12" s="150"/>
      <c r="F12" s="150"/>
      <c r="G12" s="150"/>
      <c r="H12" s="150"/>
      <c r="I12" s="150"/>
      <c r="J12" s="150"/>
      <c r="K12" s="150"/>
      <c r="L12" s="150"/>
      <c r="M12" s="150"/>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8" t="s">
        <v>13</v>
      </c>
      <c r="C18" s="138"/>
      <c r="D18" s="138"/>
      <c r="E18" s="138"/>
      <c r="F18" s="138"/>
      <c r="G18" s="138"/>
      <c r="H18" s="138"/>
      <c r="I18" s="138"/>
      <c r="J18" s="138"/>
      <c r="K18" s="138"/>
      <c r="L18" s="138"/>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34" t="s">
        <v>91</v>
      </c>
      <c r="C22" s="134"/>
      <c r="D22" s="134"/>
      <c r="E22" s="134"/>
      <c r="F22" s="134"/>
      <c r="G22" s="134"/>
      <c r="H22" s="134"/>
      <c r="I22" s="134"/>
      <c r="J22" s="134"/>
      <c r="K22" s="134"/>
      <c r="L22" s="134"/>
      <c r="M22" s="134"/>
      <c r="N22" s="46"/>
      <c r="O22" s="42">
        <v>50000</v>
      </c>
    </row>
    <row r="23" spans="1:16" x14ac:dyDescent="0.25">
      <c r="A23" s="26" t="s">
        <v>5</v>
      </c>
      <c r="B23" s="45" t="s">
        <v>16</v>
      </c>
      <c r="I23" s="28"/>
      <c r="O23" s="36" t="s">
        <v>7</v>
      </c>
    </row>
    <row r="25" spans="1:16" ht="12" customHeight="1" x14ac:dyDescent="0.25">
      <c r="A25" s="137" t="s">
        <v>17</v>
      </c>
      <c r="B25" s="137"/>
      <c r="C25" s="137"/>
      <c r="D25" s="137"/>
      <c r="E25" s="137"/>
      <c r="F25" s="137"/>
      <c r="G25" s="137"/>
      <c r="H25" s="137"/>
      <c r="I25" s="137"/>
      <c r="J25" s="137"/>
      <c r="K25" s="137"/>
      <c r="L25" s="137"/>
      <c r="M25" s="137"/>
      <c r="N25" s="137"/>
      <c r="O25" s="137"/>
      <c r="P25" s="137"/>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6</v>
      </c>
      <c r="I28" s="28"/>
      <c r="O28" s="50" t="s">
        <v>82</v>
      </c>
    </row>
    <row r="29" spans="1:16" x14ac:dyDescent="0.25">
      <c r="A29" s="41" t="s">
        <v>5</v>
      </c>
      <c r="B29" s="152" t="s">
        <v>127</v>
      </c>
      <c r="C29" s="152"/>
      <c r="D29" s="152"/>
      <c r="E29" s="152"/>
      <c r="F29" s="152"/>
      <c r="G29" s="152"/>
      <c r="H29" s="152"/>
      <c r="I29" s="152"/>
      <c r="J29" s="152"/>
      <c r="K29" s="152"/>
      <c r="L29" s="152"/>
      <c r="M29" s="152"/>
      <c r="N29" s="51"/>
      <c r="O29" s="73" t="s">
        <v>82</v>
      </c>
      <c r="P29" s="51"/>
    </row>
    <row r="30" spans="1:16" ht="12" customHeight="1" x14ac:dyDescent="0.25">
      <c r="A30" s="41" t="s">
        <v>5</v>
      </c>
      <c r="B30" s="148" t="s">
        <v>128</v>
      </c>
      <c r="C30" s="148"/>
      <c r="D30" s="148"/>
      <c r="E30" s="148"/>
      <c r="F30" s="148"/>
      <c r="G30" s="148"/>
      <c r="H30" s="148"/>
      <c r="I30" s="148"/>
      <c r="J30" s="148"/>
      <c r="K30" s="148"/>
      <c r="L30" s="148"/>
      <c r="M30" s="148"/>
      <c r="N30" s="84"/>
      <c r="O30" s="73" t="s">
        <v>82</v>
      </c>
      <c r="P30" s="84"/>
    </row>
    <row r="31" spans="1:16" x14ac:dyDescent="0.25">
      <c r="A31" s="41" t="s">
        <v>5</v>
      </c>
      <c r="B31" s="64" t="s">
        <v>125</v>
      </c>
      <c r="C31" s="65"/>
      <c r="D31" s="50"/>
      <c r="E31" s="50"/>
      <c r="F31" s="50"/>
      <c r="G31" s="50"/>
      <c r="H31" s="50"/>
      <c r="I31" s="49"/>
      <c r="J31" s="50"/>
      <c r="K31" s="49"/>
      <c r="L31" s="49"/>
      <c r="M31" s="49"/>
      <c r="N31" s="49"/>
      <c r="O31" s="50" t="s">
        <v>82</v>
      </c>
    </row>
    <row r="32" spans="1:16" ht="12" customHeight="1" x14ac:dyDescent="0.25">
      <c r="A32" s="41"/>
      <c r="B32" s="154" t="s">
        <v>110</v>
      </c>
      <c r="C32" s="154"/>
      <c r="D32" s="154"/>
      <c r="E32" s="154"/>
      <c r="F32" s="154"/>
      <c r="G32" s="154"/>
      <c r="H32" s="154"/>
      <c r="I32" s="154"/>
      <c r="J32" s="154"/>
      <c r="K32" s="154"/>
      <c r="L32" s="154"/>
      <c r="M32" s="154"/>
      <c r="N32" s="154"/>
      <c r="O32" s="66"/>
    </row>
    <row r="33" spans="1:16" ht="12" customHeight="1" x14ac:dyDescent="0.25">
      <c r="A33" s="41"/>
      <c r="B33" s="153" t="s">
        <v>81</v>
      </c>
      <c r="C33" s="153"/>
      <c r="D33" s="153"/>
      <c r="E33" s="153"/>
      <c r="F33" s="153"/>
      <c r="G33" s="153"/>
      <c r="H33" s="153"/>
      <c r="I33" s="153"/>
      <c r="J33" s="153"/>
      <c r="K33" s="153"/>
      <c r="L33" s="153"/>
      <c r="M33" s="153"/>
      <c r="N33" s="153"/>
      <c r="O33" s="66"/>
    </row>
    <row r="34" spans="1:16" ht="24" customHeight="1" x14ac:dyDescent="0.25">
      <c r="A34" s="36" t="s">
        <v>5</v>
      </c>
      <c r="B34" s="67" t="s">
        <v>124</v>
      </c>
      <c r="C34" s="50"/>
      <c r="D34" s="50"/>
      <c r="E34" s="50"/>
      <c r="F34" s="50"/>
      <c r="G34" s="50"/>
      <c r="H34" s="50"/>
      <c r="I34" s="49"/>
      <c r="J34" s="50"/>
      <c r="K34" s="49"/>
      <c r="L34" s="49"/>
      <c r="M34" s="49"/>
      <c r="N34" s="151" t="s">
        <v>233</v>
      </c>
      <c r="O34" s="151"/>
      <c r="P34" s="151"/>
    </row>
    <row r="35" spans="1:16" x14ac:dyDescent="0.25">
      <c r="A35" s="36" t="s">
        <v>5</v>
      </c>
      <c r="B35" s="67" t="s">
        <v>123</v>
      </c>
      <c r="C35" s="50"/>
      <c r="D35" s="50"/>
      <c r="E35" s="50"/>
      <c r="F35" s="50"/>
      <c r="G35" s="50"/>
      <c r="H35" s="50"/>
      <c r="I35" s="49"/>
      <c r="J35" s="50"/>
      <c r="K35" s="49"/>
      <c r="L35" s="49"/>
      <c r="M35" s="49"/>
      <c r="N35" s="51"/>
      <c r="O35" s="50" t="s">
        <v>82</v>
      </c>
      <c r="P35" s="51"/>
    </row>
    <row r="36" spans="1:16" x14ac:dyDescent="0.25">
      <c r="A36" s="36"/>
      <c r="B36" s="68" t="s">
        <v>280</v>
      </c>
      <c r="C36" s="50"/>
      <c r="D36" s="50"/>
      <c r="E36" s="50"/>
      <c r="F36" s="50"/>
      <c r="G36" s="50"/>
      <c r="H36" s="50"/>
      <c r="I36" s="49"/>
      <c r="J36" s="50"/>
      <c r="K36" s="49"/>
      <c r="L36" s="49"/>
      <c r="M36" s="49"/>
      <c r="N36" s="51"/>
      <c r="O36" s="51"/>
      <c r="P36" s="51"/>
    </row>
    <row r="37" spans="1:16" x14ac:dyDescent="0.25">
      <c r="I37" s="48"/>
    </row>
    <row r="38" spans="1:16" ht="12" customHeight="1" x14ac:dyDescent="0.25">
      <c r="A38" s="137" t="s">
        <v>20</v>
      </c>
      <c r="B38" s="137"/>
      <c r="C38" s="137"/>
      <c r="D38" s="137"/>
      <c r="E38" s="137"/>
      <c r="F38" s="137"/>
      <c r="G38" s="137"/>
      <c r="H38" s="137"/>
      <c r="I38" s="137"/>
      <c r="J38" s="137"/>
      <c r="K38" s="137"/>
      <c r="L38" s="137"/>
      <c r="M38" s="137"/>
      <c r="N38" s="137"/>
      <c r="O38" s="137"/>
      <c r="P38" s="137"/>
    </row>
    <row r="39" spans="1:16" ht="12" customHeight="1" x14ac:dyDescent="0.25">
      <c r="A39" s="119" t="s">
        <v>221</v>
      </c>
      <c r="B39" s="155" t="s">
        <v>220</v>
      </c>
      <c r="C39" s="155"/>
      <c r="D39" s="114"/>
      <c r="E39" s="114"/>
      <c r="F39" s="114"/>
      <c r="G39" s="114"/>
      <c r="H39" s="114"/>
      <c r="I39" s="114"/>
      <c r="J39" s="114"/>
      <c r="K39" s="114"/>
      <c r="L39" s="114"/>
      <c r="M39" s="114"/>
      <c r="N39" s="114"/>
      <c r="O39" s="114"/>
      <c r="P39" s="114"/>
    </row>
    <row r="40" spans="1:16" ht="12" customHeight="1" x14ac:dyDescent="0.25">
      <c r="A40" s="49"/>
      <c r="B40" s="117" t="s">
        <v>219</v>
      </c>
      <c r="C40" s="117"/>
      <c r="D40" s="117"/>
      <c r="E40" s="117"/>
      <c r="F40" s="117"/>
      <c r="G40" s="117"/>
      <c r="H40" s="117"/>
      <c r="I40" s="116"/>
      <c r="J40" s="116"/>
      <c r="K40" s="116"/>
      <c r="L40" s="116"/>
      <c r="M40" s="116"/>
      <c r="N40" s="114"/>
      <c r="O40" s="114"/>
      <c r="P40" s="114"/>
    </row>
    <row r="41" spans="1:16" ht="12" customHeight="1" x14ac:dyDescent="0.25">
      <c r="A41" s="28"/>
      <c r="B41" s="41" t="s">
        <v>5</v>
      </c>
      <c r="C41" s="138" t="s">
        <v>192</v>
      </c>
      <c r="D41" s="138"/>
      <c r="E41" s="138"/>
      <c r="F41" s="138"/>
      <c r="G41" s="118"/>
      <c r="H41" s="118"/>
      <c r="I41" s="118"/>
      <c r="J41" s="118"/>
      <c r="K41" s="118"/>
      <c r="L41" s="118"/>
      <c r="M41" s="118"/>
      <c r="N41" s="113"/>
    </row>
    <row r="42" spans="1:16" ht="12" customHeight="1" x14ac:dyDescent="0.25">
      <c r="A42" s="41"/>
      <c r="B42" s="28"/>
      <c r="C42" s="138" t="s">
        <v>224</v>
      </c>
      <c r="D42" s="138"/>
      <c r="E42" s="138"/>
      <c r="F42" s="138"/>
      <c r="G42" s="138"/>
      <c r="H42" s="138"/>
      <c r="I42" s="138"/>
      <c r="J42" s="138"/>
      <c r="K42" s="115"/>
      <c r="L42" s="115"/>
    </row>
    <row r="43" spans="1:16" ht="12" customHeight="1" x14ac:dyDescent="0.25">
      <c r="A43" s="28"/>
      <c r="B43" s="41" t="s">
        <v>5</v>
      </c>
      <c r="C43" s="138" t="s">
        <v>198</v>
      </c>
      <c r="D43" s="138"/>
      <c r="E43" s="138"/>
      <c r="F43" s="138"/>
      <c r="G43" s="138"/>
      <c r="H43" s="118"/>
      <c r="I43" s="118"/>
      <c r="J43" s="118"/>
      <c r="K43" s="118"/>
      <c r="L43" s="118"/>
      <c r="M43" s="118"/>
      <c r="N43" s="118"/>
      <c r="O43" s="118"/>
      <c r="P43" s="118"/>
    </row>
    <row r="44" spans="1:16" ht="12" customHeight="1" x14ac:dyDescent="0.25">
      <c r="A44" s="41"/>
      <c r="B44" s="28"/>
      <c r="C44" s="138" t="s">
        <v>225</v>
      </c>
      <c r="D44" s="138"/>
      <c r="E44" s="138"/>
      <c r="F44" s="138"/>
      <c r="G44" s="138"/>
      <c r="H44" s="138"/>
      <c r="I44" s="138"/>
      <c r="J44" s="138"/>
      <c r="K44" s="115"/>
    </row>
    <row r="45" spans="1:16" ht="12" customHeight="1" x14ac:dyDescent="0.25">
      <c r="A45" s="28"/>
      <c r="B45" s="41" t="s">
        <v>5</v>
      </c>
      <c r="C45" s="138" t="s">
        <v>199</v>
      </c>
      <c r="D45" s="138"/>
      <c r="E45" s="138"/>
      <c r="F45" s="138"/>
      <c r="G45" s="138"/>
      <c r="H45" s="118"/>
      <c r="I45" s="118"/>
      <c r="J45" s="118"/>
      <c r="K45" s="118"/>
      <c r="L45" s="118"/>
      <c r="M45" s="118"/>
      <c r="N45" s="118"/>
      <c r="O45" s="118"/>
      <c r="P45" s="118"/>
    </row>
    <row r="46" spans="1:16" ht="12" customHeight="1" x14ac:dyDescent="0.25">
      <c r="A46" s="41"/>
      <c r="B46" s="28"/>
      <c r="C46" s="138" t="s">
        <v>226</v>
      </c>
      <c r="D46" s="138"/>
      <c r="E46" s="138"/>
      <c r="F46" s="138"/>
      <c r="G46" s="138"/>
      <c r="H46" s="138"/>
      <c r="I46" s="138"/>
      <c r="J46" s="138"/>
      <c r="K46" s="115"/>
    </row>
    <row r="47" spans="1:16" ht="12" customHeight="1" x14ac:dyDescent="0.25">
      <c r="A47" s="28"/>
      <c r="B47" s="26" t="s">
        <v>5</v>
      </c>
      <c r="C47" s="138" t="s">
        <v>193</v>
      </c>
      <c r="D47" s="138"/>
      <c r="E47" s="138"/>
      <c r="F47" s="138"/>
      <c r="G47" s="118"/>
      <c r="H47" s="118"/>
      <c r="I47" s="118"/>
      <c r="J47" s="118"/>
      <c r="K47" s="118"/>
      <c r="L47" s="118"/>
      <c r="M47" s="118"/>
      <c r="N47" s="118"/>
      <c r="O47" s="118"/>
      <c r="P47" s="118"/>
    </row>
    <row r="48" spans="1:16" ht="12" customHeight="1" x14ac:dyDescent="0.25">
      <c r="A48" s="41"/>
      <c r="B48" s="28"/>
      <c r="C48" s="138" t="s">
        <v>227</v>
      </c>
      <c r="D48" s="138"/>
      <c r="E48" s="138"/>
      <c r="F48" s="138"/>
      <c r="G48" s="138"/>
      <c r="H48" s="138"/>
      <c r="I48" s="138"/>
      <c r="J48" s="138"/>
      <c r="K48" s="115"/>
    </row>
    <row r="49" spans="1:16" ht="12" customHeight="1" x14ac:dyDescent="0.25">
      <c r="A49" s="28"/>
      <c r="B49" s="117" t="s">
        <v>218</v>
      </c>
      <c r="C49" s="117"/>
      <c r="D49" s="117"/>
      <c r="E49" s="117"/>
      <c r="F49" s="117"/>
      <c r="G49" s="117"/>
      <c r="H49" s="117"/>
      <c r="I49" s="115"/>
      <c r="J49" s="115"/>
      <c r="K49" s="115"/>
    </row>
    <row r="50" spans="1:16" ht="12" customHeight="1" x14ac:dyDescent="0.25">
      <c r="A50" s="28"/>
      <c r="B50" s="41" t="s">
        <v>5</v>
      </c>
      <c r="C50" s="138" t="s">
        <v>192</v>
      </c>
      <c r="D50" s="138"/>
      <c r="E50" s="138"/>
      <c r="F50" s="138"/>
      <c r="G50" s="138"/>
      <c r="H50" s="118"/>
      <c r="I50" s="118"/>
      <c r="J50" s="118"/>
      <c r="K50" s="118"/>
      <c r="L50" s="118"/>
      <c r="M50" s="118"/>
      <c r="N50" s="113"/>
    </row>
    <row r="51" spans="1:16" ht="12" customHeight="1" x14ac:dyDescent="0.25">
      <c r="A51" s="41"/>
      <c r="B51" s="28"/>
      <c r="C51" s="138" t="s">
        <v>228</v>
      </c>
      <c r="D51" s="138"/>
      <c r="E51" s="138"/>
      <c r="F51" s="138"/>
      <c r="G51" s="138"/>
      <c r="H51" s="138"/>
      <c r="I51" s="138"/>
      <c r="J51" s="138"/>
      <c r="K51" s="115"/>
      <c r="L51" s="115"/>
    </row>
    <row r="52" spans="1:16" ht="12" customHeight="1" x14ac:dyDescent="0.25">
      <c r="A52" s="28"/>
      <c r="B52" s="41" t="s">
        <v>5</v>
      </c>
      <c r="C52" s="138" t="s">
        <v>198</v>
      </c>
      <c r="D52" s="138"/>
      <c r="E52" s="138"/>
      <c r="F52" s="138"/>
      <c r="G52" s="118"/>
      <c r="H52" s="118"/>
      <c r="I52" s="118"/>
      <c r="J52" s="118"/>
      <c r="K52" s="118"/>
      <c r="L52" s="118"/>
      <c r="M52" s="118"/>
      <c r="N52" s="118"/>
      <c r="O52" s="118"/>
      <c r="P52" s="118"/>
    </row>
    <row r="53" spans="1:16" ht="12" customHeight="1" x14ac:dyDescent="0.25">
      <c r="A53" s="41"/>
      <c r="B53" s="28"/>
      <c r="C53" s="138" t="s">
        <v>229</v>
      </c>
      <c r="D53" s="138"/>
      <c r="E53" s="138"/>
      <c r="F53" s="138"/>
      <c r="G53" s="138"/>
      <c r="H53" s="138"/>
      <c r="I53" s="138"/>
      <c r="J53" s="138"/>
      <c r="K53" s="115"/>
    </row>
    <row r="54" spans="1:16" ht="12" customHeight="1" x14ac:dyDescent="0.25">
      <c r="A54" s="28"/>
      <c r="B54" s="41" t="s">
        <v>5</v>
      </c>
      <c r="C54" s="138" t="s">
        <v>199</v>
      </c>
      <c r="D54" s="138"/>
      <c r="E54" s="138"/>
      <c r="F54" s="138"/>
      <c r="G54" s="138"/>
      <c r="H54" s="118"/>
      <c r="I54" s="118"/>
      <c r="J54" s="118"/>
      <c r="K54" s="118"/>
      <c r="L54" s="118"/>
      <c r="M54" s="118"/>
      <c r="N54" s="118"/>
      <c r="O54" s="118"/>
      <c r="P54" s="118"/>
    </row>
    <row r="55" spans="1:16" ht="12" customHeight="1" x14ac:dyDescent="0.25">
      <c r="A55" s="41"/>
      <c r="B55" s="28"/>
      <c r="C55" s="138" t="s">
        <v>230</v>
      </c>
      <c r="D55" s="138"/>
      <c r="E55" s="138"/>
      <c r="F55" s="138"/>
      <c r="G55" s="138"/>
      <c r="H55" s="138"/>
      <c r="I55" s="138"/>
      <c r="J55" s="138"/>
      <c r="K55" s="115"/>
    </row>
    <row r="56" spans="1:16" ht="12" customHeight="1" x14ac:dyDescent="0.25">
      <c r="A56" s="28"/>
      <c r="B56" s="26" t="s">
        <v>5</v>
      </c>
      <c r="C56" s="138" t="s">
        <v>193</v>
      </c>
      <c r="D56" s="138"/>
      <c r="E56" s="138"/>
      <c r="F56" s="138"/>
      <c r="G56" s="118"/>
      <c r="H56" s="118"/>
      <c r="I56" s="118"/>
      <c r="J56" s="118"/>
      <c r="K56" s="118"/>
      <c r="L56" s="118"/>
      <c r="M56" s="118"/>
      <c r="N56" s="118"/>
      <c r="O56" s="118"/>
      <c r="P56" s="118"/>
    </row>
    <row r="57" spans="1:16" ht="12" customHeight="1" x14ac:dyDescent="0.25">
      <c r="A57" s="41"/>
      <c r="B57" s="28"/>
      <c r="C57" s="138" t="s">
        <v>231</v>
      </c>
      <c r="D57" s="138"/>
      <c r="E57" s="138"/>
      <c r="F57" s="138"/>
      <c r="G57" s="138"/>
      <c r="H57" s="138"/>
      <c r="I57" s="138"/>
      <c r="J57" s="138"/>
      <c r="K57" s="115"/>
    </row>
    <row r="58" spans="1:16" ht="12" customHeight="1" x14ac:dyDescent="0.25">
      <c r="B58" s="113"/>
      <c r="C58" s="113"/>
      <c r="D58" s="113"/>
      <c r="E58" s="113"/>
      <c r="F58" s="113"/>
      <c r="G58" s="113"/>
      <c r="H58" s="113"/>
      <c r="I58" s="113"/>
      <c r="J58" s="113"/>
      <c r="K58" s="113"/>
      <c r="L58" s="113"/>
      <c r="M58" s="113"/>
      <c r="N58" s="113"/>
      <c r="O58" s="113"/>
      <c r="P58" s="113"/>
    </row>
    <row r="59" spans="1:16" ht="12" customHeight="1" x14ac:dyDescent="0.25">
      <c r="A59" s="26" t="s">
        <v>5</v>
      </c>
      <c r="B59" s="141" t="s">
        <v>83</v>
      </c>
      <c r="C59" s="141"/>
      <c r="D59" s="141"/>
      <c r="E59" s="141"/>
      <c r="F59" s="141"/>
      <c r="G59" s="141"/>
      <c r="H59" s="141"/>
      <c r="I59" s="141"/>
      <c r="J59" s="141"/>
      <c r="K59" s="141"/>
      <c r="L59" s="141"/>
      <c r="M59" s="141"/>
      <c r="N59" s="141"/>
      <c r="O59" s="141"/>
      <c r="P59" s="141"/>
    </row>
    <row r="60" spans="1:16" s="49" customFormat="1" ht="26.25" customHeight="1" x14ac:dyDescent="0.25">
      <c r="A60" s="65" t="s">
        <v>5</v>
      </c>
      <c r="B60" s="143" t="s">
        <v>94</v>
      </c>
      <c r="C60" s="143"/>
      <c r="D60" s="143"/>
      <c r="E60" s="143"/>
      <c r="F60" s="143"/>
      <c r="G60" s="143"/>
      <c r="H60" s="143"/>
      <c r="I60" s="143"/>
      <c r="J60" s="143"/>
      <c r="K60" s="143"/>
      <c r="L60" s="143"/>
      <c r="M60" s="143"/>
      <c r="N60" s="143"/>
      <c r="O60" s="143"/>
      <c r="P60" s="143"/>
    </row>
    <row r="61" spans="1:16" ht="12" customHeight="1" x14ac:dyDescent="0.25">
      <c r="A61" s="41" t="s">
        <v>5</v>
      </c>
      <c r="B61" s="142" t="s">
        <v>95</v>
      </c>
      <c r="C61" s="142"/>
      <c r="D61" s="142"/>
      <c r="E61" s="142"/>
      <c r="F61" s="142"/>
      <c r="G61" s="142"/>
      <c r="H61" s="142"/>
      <c r="I61" s="142"/>
      <c r="J61" s="142"/>
      <c r="K61" s="142"/>
      <c r="L61" s="142"/>
      <c r="M61" s="142"/>
      <c r="N61" s="142"/>
      <c r="O61" s="142"/>
      <c r="P61" s="142"/>
    </row>
    <row r="62" spans="1:16" ht="12" customHeight="1" x14ac:dyDescent="0.25">
      <c r="A62" s="26" t="s">
        <v>5</v>
      </c>
      <c r="B62" s="69" t="s">
        <v>65</v>
      </c>
      <c r="C62" s="63"/>
      <c r="D62" s="63"/>
      <c r="E62" s="63"/>
      <c r="F62" s="63"/>
      <c r="G62" s="63"/>
      <c r="H62" s="63"/>
      <c r="I62" s="63"/>
      <c r="J62" s="63"/>
      <c r="K62" s="70"/>
      <c r="L62" s="70"/>
      <c r="M62" s="70"/>
      <c r="N62" s="70"/>
      <c r="O62" s="70"/>
      <c r="P62" s="70"/>
    </row>
    <row r="63" spans="1:16" x14ac:dyDescent="0.25">
      <c r="A63" s="26" t="s">
        <v>5</v>
      </c>
      <c r="B63" s="71" t="s">
        <v>104</v>
      </c>
      <c r="C63" s="72"/>
      <c r="D63" s="72"/>
      <c r="E63" s="72"/>
      <c r="F63" s="72"/>
      <c r="G63" s="72"/>
      <c r="H63" s="72"/>
      <c r="I63" s="72"/>
      <c r="J63" s="72"/>
      <c r="K63" s="53"/>
      <c r="L63" s="53"/>
      <c r="M63" s="53"/>
      <c r="N63" s="53"/>
      <c r="O63" s="53"/>
      <c r="P63" s="53"/>
    </row>
    <row r="64" spans="1:16" x14ac:dyDescent="0.25">
      <c r="A64" s="26" t="s">
        <v>5</v>
      </c>
      <c r="B64" s="71" t="s">
        <v>26</v>
      </c>
      <c r="C64" s="72"/>
      <c r="D64" s="72"/>
      <c r="E64" s="72"/>
      <c r="F64" s="72"/>
      <c r="G64" s="72"/>
      <c r="H64" s="72"/>
      <c r="I64" s="72"/>
      <c r="J64" s="72"/>
      <c r="K64" s="53"/>
      <c r="L64" s="53"/>
      <c r="M64" s="53"/>
      <c r="N64" s="53"/>
      <c r="O64" s="53"/>
      <c r="P64" s="53"/>
    </row>
    <row r="65" spans="1:16" ht="24" customHeight="1" x14ac:dyDescent="0.25">
      <c r="A65" s="41" t="s">
        <v>5</v>
      </c>
      <c r="B65" s="158" t="s">
        <v>111</v>
      </c>
      <c r="C65" s="158"/>
      <c r="D65" s="158"/>
      <c r="E65" s="158"/>
      <c r="F65" s="158"/>
      <c r="G65" s="158"/>
      <c r="H65" s="158"/>
      <c r="I65" s="158"/>
      <c r="J65" s="158"/>
      <c r="K65" s="158"/>
      <c r="L65" s="158"/>
      <c r="M65" s="158"/>
      <c r="N65" s="158"/>
      <c r="O65" s="158"/>
      <c r="P65" s="158"/>
    </row>
    <row r="67" spans="1:16" x14ac:dyDescent="0.25">
      <c r="A67" s="45"/>
      <c r="B67" s="141" t="s">
        <v>21</v>
      </c>
      <c r="C67" s="141"/>
      <c r="D67" s="141"/>
      <c r="E67" s="141"/>
      <c r="F67" s="141"/>
      <c r="G67" s="141"/>
      <c r="H67" s="141"/>
      <c r="I67" s="141"/>
      <c r="J67" s="141"/>
      <c r="K67" s="141"/>
      <c r="L67" s="141"/>
      <c r="M67" s="141"/>
      <c r="N67" s="141"/>
      <c r="O67" s="141"/>
      <c r="P67" s="141"/>
    </row>
    <row r="68" spans="1:16" ht="25.5" customHeight="1" x14ac:dyDescent="0.25">
      <c r="A68" s="93"/>
      <c r="B68" s="139" t="s">
        <v>197</v>
      </c>
      <c r="C68" s="138"/>
      <c r="D68" s="138"/>
      <c r="E68" s="138"/>
      <c r="F68" s="138"/>
      <c r="G68" s="138"/>
      <c r="H68" s="138"/>
      <c r="I68" s="138"/>
      <c r="J68" s="138"/>
      <c r="K68" s="138"/>
      <c r="L68" s="138"/>
      <c r="M68" s="138"/>
      <c r="N68" s="138"/>
      <c r="O68" s="138"/>
      <c r="P68" s="138"/>
    </row>
    <row r="69" spans="1:16" ht="13.5" customHeight="1" x14ac:dyDescent="0.25"/>
    <row r="70" spans="1:16" ht="11.25" customHeight="1" x14ac:dyDescent="0.25">
      <c r="A70" s="137" t="s">
        <v>62</v>
      </c>
      <c r="B70" s="137"/>
      <c r="C70" s="137"/>
      <c r="D70" s="137"/>
      <c r="E70" s="137"/>
      <c r="F70" s="137"/>
      <c r="G70" s="137"/>
      <c r="H70" s="137"/>
      <c r="I70" s="137"/>
      <c r="J70" s="137"/>
      <c r="K70" s="137"/>
      <c r="L70" s="137"/>
      <c r="M70" s="137"/>
      <c r="N70" s="137"/>
      <c r="O70" s="137"/>
      <c r="P70" s="137"/>
    </row>
    <row r="71" spans="1:16" s="53" customFormat="1" x14ac:dyDescent="0.25">
      <c r="A71" s="41" t="s">
        <v>5</v>
      </c>
      <c r="B71" s="134" t="s">
        <v>63</v>
      </c>
      <c r="C71" s="134"/>
      <c r="D71" s="134"/>
      <c r="E71" s="134"/>
      <c r="F71" s="134"/>
      <c r="G71" s="134"/>
      <c r="H71" s="134"/>
      <c r="I71" s="134"/>
      <c r="J71" s="134"/>
      <c r="K71" s="134"/>
      <c r="L71" s="134"/>
      <c r="M71" s="134"/>
      <c r="N71" s="134"/>
      <c r="O71" s="134"/>
      <c r="P71" s="134"/>
    </row>
    <row r="72" spans="1:16" x14ac:dyDescent="0.25">
      <c r="A72" s="41" t="s">
        <v>5</v>
      </c>
      <c r="B72" s="138" t="s">
        <v>139</v>
      </c>
      <c r="C72" s="138"/>
      <c r="D72" s="138"/>
      <c r="E72" s="138"/>
      <c r="F72" s="138"/>
      <c r="G72" s="138"/>
      <c r="H72" s="138"/>
      <c r="I72" s="138"/>
      <c r="J72" s="138"/>
      <c r="K72" s="138"/>
      <c r="L72" s="138"/>
      <c r="M72" s="138"/>
      <c r="N72" s="138"/>
      <c r="O72" s="138"/>
      <c r="P72" s="138"/>
    </row>
    <row r="73" spans="1:16" s="53" customFormat="1" ht="25.5" customHeight="1" x14ac:dyDescent="0.25">
      <c r="A73" s="41" t="s">
        <v>5</v>
      </c>
      <c r="B73" s="134" t="s">
        <v>68</v>
      </c>
      <c r="C73" s="134"/>
      <c r="D73" s="134"/>
      <c r="E73" s="134"/>
      <c r="F73" s="134"/>
      <c r="G73" s="134"/>
      <c r="H73" s="134"/>
      <c r="I73" s="134"/>
      <c r="J73" s="134"/>
      <c r="K73" s="134"/>
      <c r="L73" s="134"/>
      <c r="M73" s="134"/>
      <c r="N73" s="134"/>
      <c r="O73" s="134"/>
      <c r="P73" s="134"/>
    </row>
    <row r="74" spans="1:16" s="53" customFormat="1" ht="12" customHeight="1" x14ac:dyDescent="0.25">
      <c r="A74" s="41" t="s">
        <v>5</v>
      </c>
      <c r="B74" s="134" t="s">
        <v>69</v>
      </c>
      <c r="C74" s="134"/>
      <c r="D74" s="134"/>
      <c r="E74" s="134"/>
      <c r="F74" s="134"/>
      <c r="G74" s="134"/>
      <c r="H74" s="134"/>
      <c r="I74" s="134"/>
      <c r="J74" s="134"/>
      <c r="K74" s="134"/>
      <c r="L74" s="134"/>
      <c r="M74" s="134"/>
      <c r="N74" s="134"/>
      <c r="O74" s="134"/>
      <c r="P74" s="134"/>
    </row>
    <row r="75" spans="1:16" s="53" customFormat="1" ht="37.5" customHeight="1" x14ac:dyDescent="0.25">
      <c r="A75" s="41" t="s">
        <v>5</v>
      </c>
      <c r="B75" s="134" t="s">
        <v>66</v>
      </c>
      <c r="C75" s="134"/>
      <c r="D75" s="134"/>
      <c r="E75" s="134"/>
      <c r="F75" s="134"/>
      <c r="G75" s="134"/>
      <c r="H75" s="134"/>
      <c r="I75" s="134"/>
      <c r="J75" s="134"/>
      <c r="K75" s="134"/>
      <c r="L75" s="134"/>
      <c r="M75" s="134"/>
      <c r="N75" s="134"/>
      <c r="O75" s="134"/>
      <c r="P75" s="134"/>
    </row>
    <row r="76" spans="1:16" s="53" customFormat="1" x14ac:dyDescent="0.25">
      <c r="A76" s="41" t="s">
        <v>5</v>
      </c>
      <c r="B76" s="135" t="s">
        <v>130</v>
      </c>
      <c r="C76" s="135"/>
      <c r="D76" s="135"/>
      <c r="E76" s="135"/>
      <c r="F76" s="135"/>
      <c r="G76" s="135"/>
      <c r="H76" s="135"/>
      <c r="I76" s="135"/>
      <c r="J76" s="135"/>
      <c r="K76" s="135"/>
      <c r="L76" s="135"/>
      <c r="M76" s="135"/>
      <c r="N76" s="135"/>
      <c r="O76" s="135"/>
      <c r="P76" s="135"/>
    </row>
    <row r="77" spans="1:16" ht="24" customHeight="1" x14ac:dyDescent="0.25">
      <c r="A77" s="41" t="s">
        <v>5</v>
      </c>
      <c r="B77" s="148" t="s">
        <v>131</v>
      </c>
      <c r="C77" s="148"/>
      <c r="D77" s="148"/>
      <c r="E77" s="148"/>
      <c r="F77" s="148"/>
      <c r="G77" s="148"/>
      <c r="H77" s="148"/>
      <c r="I77" s="148"/>
      <c r="J77" s="148"/>
      <c r="K77" s="148"/>
      <c r="L77" s="148"/>
      <c r="M77" s="148"/>
      <c r="N77" s="148"/>
      <c r="O77" s="148"/>
      <c r="P77" s="148"/>
    </row>
    <row r="78" spans="1:16" x14ac:dyDescent="0.25">
      <c r="A78" s="41" t="s">
        <v>5</v>
      </c>
      <c r="B78" s="136" t="s">
        <v>129</v>
      </c>
      <c r="C78" s="136"/>
      <c r="D78" s="136"/>
      <c r="E78" s="136"/>
      <c r="F78" s="136"/>
      <c r="G78" s="136"/>
      <c r="H78" s="136"/>
      <c r="I78" s="136"/>
      <c r="J78" s="136"/>
      <c r="K78" s="136"/>
      <c r="L78" s="136"/>
      <c r="M78" s="136"/>
      <c r="N78" s="136"/>
      <c r="O78" s="136"/>
      <c r="P78" s="136"/>
    </row>
    <row r="79" spans="1:16" s="53" customFormat="1" x14ac:dyDescent="0.25">
      <c r="A79" s="36" t="s">
        <v>5</v>
      </c>
      <c r="B79" s="147" t="s">
        <v>132</v>
      </c>
      <c r="C79" s="147"/>
      <c r="D79" s="147"/>
      <c r="E79" s="147"/>
      <c r="F79" s="147"/>
      <c r="G79" s="147"/>
      <c r="H79" s="147"/>
      <c r="I79" s="147"/>
      <c r="J79" s="147"/>
      <c r="K79" s="147"/>
      <c r="L79" s="147"/>
      <c r="M79" s="147"/>
      <c r="N79" s="147"/>
      <c r="O79" s="147"/>
      <c r="P79" s="147"/>
    </row>
    <row r="80" spans="1:16" s="49" customFormat="1" ht="12" customHeight="1" x14ac:dyDescent="0.25">
      <c r="A80" s="41" t="s">
        <v>5</v>
      </c>
      <c r="B80" s="147" t="s">
        <v>22</v>
      </c>
      <c r="C80" s="147"/>
      <c r="D80" s="147"/>
      <c r="E80" s="147"/>
      <c r="F80" s="147"/>
      <c r="G80" s="147"/>
      <c r="H80" s="147"/>
      <c r="I80" s="147"/>
      <c r="J80" s="147"/>
      <c r="K80" s="147"/>
      <c r="L80" s="147"/>
      <c r="M80" s="147"/>
      <c r="N80" s="147"/>
      <c r="O80" s="147"/>
      <c r="P80" s="85"/>
    </row>
    <row r="81" spans="1:256" x14ac:dyDescent="0.25">
      <c r="A81" s="41"/>
      <c r="B81" s="54"/>
      <c r="C81" s="54"/>
      <c r="D81" s="54"/>
      <c r="E81" s="54"/>
      <c r="F81" s="54"/>
      <c r="G81" s="54"/>
      <c r="H81" s="54"/>
      <c r="I81" s="54"/>
      <c r="J81" s="54"/>
      <c r="K81" s="54"/>
      <c r="L81" s="54"/>
      <c r="M81" s="54"/>
      <c r="N81" s="54"/>
      <c r="O81" s="54"/>
      <c r="P81" s="54"/>
    </row>
    <row r="82" spans="1:256" ht="11.25" customHeight="1" x14ac:dyDescent="0.25">
      <c r="A82" s="137" t="s">
        <v>134</v>
      </c>
      <c r="B82" s="137"/>
      <c r="C82" s="137"/>
      <c r="D82" s="137"/>
      <c r="E82" s="137"/>
      <c r="F82" s="137"/>
      <c r="G82" s="137"/>
      <c r="H82" s="137"/>
      <c r="I82" s="137"/>
      <c r="J82" s="137"/>
      <c r="K82" s="137"/>
      <c r="L82" s="137"/>
      <c r="M82" s="137"/>
      <c r="N82" s="137"/>
      <c r="O82" s="137"/>
      <c r="P82" s="137"/>
    </row>
    <row r="83" spans="1:256" x14ac:dyDescent="0.25">
      <c r="A83" s="41"/>
      <c r="B83" s="82" t="s">
        <v>115</v>
      </c>
      <c r="C83" s="80"/>
      <c r="D83" s="80"/>
      <c r="E83" s="80"/>
      <c r="F83" s="80"/>
      <c r="G83" s="80"/>
      <c r="H83" s="80"/>
      <c r="I83" s="80"/>
      <c r="J83" s="80"/>
      <c r="K83" s="80"/>
      <c r="L83" s="80"/>
      <c r="M83" s="80"/>
      <c r="N83" s="80"/>
      <c r="O83" s="80"/>
      <c r="P83" s="80"/>
    </row>
    <row r="84" spans="1:256" ht="8.25" customHeight="1" x14ac:dyDescent="0.25">
      <c r="A84" s="41"/>
      <c r="B84" s="81"/>
      <c r="C84" s="80"/>
      <c r="D84" s="80"/>
      <c r="E84" s="80"/>
      <c r="F84" s="80"/>
      <c r="G84" s="80"/>
      <c r="H84" s="80"/>
      <c r="I84" s="80"/>
      <c r="J84" s="80"/>
      <c r="K84" s="80"/>
      <c r="L84" s="80"/>
      <c r="M84" s="80"/>
      <c r="N84" s="80"/>
      <c r="O84" s="80"/>
      <c r="P84" s="80"/>
    </row>
    <row r="85" spans="1:256" ht="66.75" customHeight="1" x14ac:dyDescent="0.25">
      <c r="A85" s="41"/>
      <c r="B85" s="136" t="s">
        <v>232</v>
      </c>
      <c r="C85" s="136"/>
      <c r="D85" s="136"/>
      <c r="E85" s="136"/>
      <c r="F85" s="136"/>
      <c r="G85" s="136"/>
      <c r="H85" s="136"/>
      <c r="I85" s="136"/>
      <c r="J85" s="136"/>
      <c r="K85" s="136"/>
      <c r="L85" s="136"/>
      <c r="M85" s="136"/>
      <c r="N85" s="136"/>
      <c r="O85" s="136"/>
      <c r="P85" s="136"/>
    </row>
    <row r="86" spans="1:256" s="53" customFormat="1" x14ac:dyDescent="0.25">
      <c r="A86" s="55"/>
      <c r="B86" s="57"/>
      <c r="C86" s="57"/>
      <c r="D86" s="57"/>
      <c r="E86" s="57"/>
      <c r="F86" s="57"/>
      <c r="G86" s="57"/>
      <c r="H86" s="57"/>
      <c r="I86" s="57"/>
      <c r="J86" s="57"/>
      <c r="K86" s="57"/>
      <c r="L86" s="57"/>
      <c r="M86" s="57"/>
      <c r="N86" s="57"/>
      <c r="O86" s="57"/>
      <c r="P86" s="57"/>
    </row>
    <row r="87" spans="1:256" ht="12" customHeight="1" x14ac:dyDescent="0.25">
      <c r="A87" s="137" t="s">
        <v>27</v>
      </c>
      <c r="B87" s="137"/>
      <c r="C87" s="137"/>
      <c r="D87" s="137"/>
      <c r="E87" s="137"/>
      <c r="F87" s="137"/>
      <c r="G87" s="137"/>
      <c r="H87" s="137"/>
      <c r="I87" s="137"/>
      <c r="J87" s="137"/>
      <c r="K87" s="137"/>
      <c r="L87" s="137"/>
      <c r="M87" s="137"/>
      <c r="N87" s="137"/>
      <c r="O87" s="137"/>
      <c r="P87" s="137"/>
    </row>
    <row r="89" spans="1:256" ht="29.25" customHeight="1" x14ac:dyDescent="0.25">
      <c r="B89" s="140" t="s">
        <v>137</v>
      </c>
      <c r="C89" s="140"/>
      <c r="D89" s="129" t="s">
        <v>133</v>
      </c>
      <c r="E89" s="127"/>
      <c r="F89" s="127"/>
      <c r="G89" s="127"/>
      <c r="H89" s="127"/>
      <c r="I89" s="127"/>
      <c r="J89" s="127"/>
      <c r="K89" s="127"/>
      <c r="L89" s="127"/>
      <c r="M89" s="127"/>
      <c r="N89" s="127"/>
      <c r="O89" s="127"/>
      <c r="P89" s="181"/>
    </row>
    <row r="90" spans="1:256" ht="14.4" x14ac:dyDescent="0.25">
      <c r="B90" s="157" t="s">
        <v>93</v>
      </c>
      <c r="C90" s="157"/>
      <c r="D90" s="111">
        <v>350</v>
      </c>
      <c r="E90" s="182"/>
      <c r="F90" s="182"/>
      <c r="G90" s="182"/>
      <c r="H90" s="182"/>
      <c r="I90" s="182"/>
      <c r="J90" s="182"/>
      <c r="K90" s="182"/>
      <c r="L90" s="182"/>
      <c r="M90" s="182"/>
      <c r="N90" s="182"/>
      <c r="O90" s="182"/>
      <c r="P90" s="181"/>
    </row>
    <row r="92" spans="1:256" s="49" customFormat="1" ht="12" customHeight="1" x14ac:dyDescent="0.25">
      <c r="A92" s="137" t="s">
        <v>138</v>
      </c>
      <c r="B92" s="137"/>
      <c r="C92" s="137"/>
      <c r="D92" s="137"/>
      <c r="E92" s="137"/>
      <c r="F92" s="137"/>
      <c r="G92" s="137"/>
      <c r="H92" s="137"/>
      <c r="I92" s="137"/>
      <c r="J92" s="137"/>
      <c r="K92" s="137"/>
      <c r="L92" s="137"/>
      <c r="M92" s="137"/>
      <c r="N92" s="137"/>
      <c r="O92" s="137"/>
      <c r="P92" s="137"/>
      <c r="Q92" s="156" t="s">
        <v>27</v>
      </c>
      <c r="R92" s="156"/>
      <c r="S92" s="156"/>
      <c r="T92" s="156"/>
      <c r="U92" s="156"/>
      <c r="V92" s="156"/>
      <c r="W92" s="156"/>
      <c r="X92" s="156"/>
      <c r="Y92" s="156"/>
      <c r="Z92" s="156"/>
      <c r="AA92" s="156"/>
      <c r="AB92" s="156"/>
      <c r="AC92" s="156"/>
      <c r="AD92" s="156"/>
      <c r="AE92" s="156"/>
      <c r="AF92" s="156"/>
      <c r="AG92" s="156" t="s">
        <v>27</v>
      </c>
      <c r="AH92" s="156"/>
      <c r="AI92" s="156"/>
      <c r="AJ92" s="156"/>
      <c r="AK92" s="156"/>
      <c r="AL92" s="156"/>
      <c r="AM92" s="156"/>
      <c r="AN92" s="156"/>
      <c r="AO92" s="156"/>
      <c r="AP92" s="156"/>
      <c r="AQ92" s="156"/>
      <c r="AR92" s="156"/>
      <c r="AS92" s="156"/>
      <c r="AT92" s="156"/>
      <c r="AU92" s="156"/>
      <c r="AV92" s="156"/>
      <c r="AW92" s="156" t="s">
        <v>27</v>
      </c>
      <c r="AX92" s="156"/>
      <c r="AY92" s="156"/>
      <c r="AZ92" s="156"/>
      <c r="BA92" s="156"/>
      <c r="BB92" s="156"/>
      <c r="BC92" s="156"/>
      <c r="BD92" s="156"/>
      <c r="BE92" s="156"/>
      <c r="BF92" s="156"/>
      <c r="BG92" s="156"/>
      <c r="BH92" s="156"/>
      <c r="BI92" s="156"/>
      <c r="BJ92" s="156"/>
      <c r="BK92" s="156"/>
      <c r="BL92" s="156"/>
      <c r="BM92" s="156" t="s">
        <v>27</v>
      </c>
      <c r="BN92" s="156"/>
      <c r="BO92" s="156"/>
      <c r="BP92" s="156"/>
      <c r="BQ92" s="156"/>
      <c r="BR92" s="156"/>
      <c r="BS92" s="156"/>
      <c r="BT92" s="156"/>
      <c r="BU92" s="156"/>
      <c r="BV92" s="156"/>
      <c r="BW92" s="156"/>
      <c r="BX92" s="156"/>
      <c r="BY92" s="156"/>
      <c r="BZ92" s="156"/>
      <c r="CA92" s="156"/>
      <c r="CB92" s="156"/>
      <c r="CC92" s="156" t="s">
        <v>27</v>
      </c>
      <c r="CD92" s="156"/>
      <c r="CE92" s="156"/>
      <c r="CF92" s="156"/>
      <c r="CG92" s="156"/>
      <c r="CH92" s="156"/>
      <c r="CI92" s="156"/>
      <c r="CJ92" s="156"/>
      <c r="CK92" s="156"/>
      <c r="CL92" s="156"/>
      <c r="CM92" s="156"/>
      <c r="CN92" s="156"/>
      <c r="CO92" s="156"/>
      <c r="CP92" s="156"/>
      <c r="CQ92" s="156"/>
      <c r="CR92" s="156"/>
      <c r="CS92" s="156" t="s">
        <v>27</v>
      </c>
      <c r="CT92" s="156"/>
      <c r="CU92" s="156"/>
      <c r="CV92" s="156"/>
      <c r="CW92" s="156"/>
      <c r="CX92" s="156"/>
      <c r="CY92" s="156"/>
      <c r="CZ92" s="156"/>
      <c r="DA92" s="156"/>
      <c r="DB92" s="156"/>
      <c r="DC92" s="156"/>
      <c r="DD92" s="156"/>
      <c r="DE92" s="156"/>
      <c r="DF92" s="156"/>
      <c r="DG92" s="156"/>
      <c r="DH92" s="156"/>
      <c r="DI92" s="156" t="s">
        <v>27</v>
      </c>
      <c r="DJ92" s="156"/>
      <c r="DK92" s="156"/>
      <c r="DL92" s="156"/>
      <c r="DM92" s="156"/>
      <c r="DN92" s="156"/>
      <c r="DO92" s="156"/>
      <c r="DP92" s="156"/>
      <c r="DQ92" s="156"/>
      <c r="DR92" s="156"/>
      <c r="DS92" s="156"/>
      <c r="DT92" s="156"/>
      <c r="DU92" s="156"/>
      <c r="DV92" s="156"/>
      <c r="DW92" s="156"/>
      <c r="DX92" s="156"/>
      <c r="DY92" s="156" t="s">
        <v>27</v>
      </c>
      <c r="DZ92" s="156"/>
      <c r="EA92" s="156"/>
      <c r="EB92" s="156"/>
      <c r="EC92" s="156"/>
      <c r="ED92" s="156"/>
      <c r="EE92" s="156"/>
      <c r="EF92" s="156"/>
      <c r="EG92" s="156"/>
      <c r="EH92" s="156"/>
      <c r="EI92" s="156"/>
      <c r="EJ92" s="156"/>
      <c r="EK92" s="156"/>
      <c r="EL92" s="156"/>
      <c r="EM92" s="156"/>
      <c r="EN92" s="156"/>
      <c r="EO92" s="156" t="s">
        <v>27</v>
      </c>
      <c r="EP92" s="156"/>
      <c r="EQ92" s="156"/>
      <c r="ER92" s="156"/>
      <c r="ES92" s="156"/>
      <c r="ET92" s="156"/>
      <c r="EU92" s="156"/>
      <c r="EV92" s="156"/>
      <c r="EW92" s="156"/>
      <c r="EX92" s="156"/>
      <c r="EY92" s="156"/>
      <c r="EZ92" s="156"/>
      <c r="FA92" s="156"/>
      <c r="FB92" s="156"/>
      <c r="FC92" s="156"/>
      <c r="FD92" s="156"/>
      <c r="FE92" s="156" t="s">
        <v>27</v>
      </c>
      <c r="FF92" s="156"/>
      <c r="FG92" s="156"/>
      <c r="FH92" s="156"/>
      <c r="FI92" s="156"/>
      <c r="FJ92" s="156"/>
      <c r="FK92" s="156"/>
      <c r="FL92" s="156"/>
      <c r="FM92" s="156"/>
      <c r="FN92" s="156"/>
      <c r="FO92" s="156"/>
      <c r="FP92" s="156"/>
      <c r="FQ92" s="156"/>
      <c r="FR92" s="156"/>
      <c r="FS92" s="156"/>
      <c r="FT92" s="156"/>
      <c r="FU92" s="156" t="s">
        <v>27</v>
      </c>
      <c r="FV92" s="156"/>
      <c r="FW92" s="156"/>
      <c r="FX92" s="156"/>
      <c r="FY92" s="156"/>
      <c r="FZ92" s="156"/>
      <c r="GA92" s="156"/>
      <c r="GB92" s="156"/>
      <c r="GC92" s="156"/>
      <c r="GD92" s="156"/>
      <c r="GE92" s="156"/>
      <c r="GF92" s="156"/>
      <c r="GG92" s="156"/>
      <c r="GH92" s="156"/>
      <c r="GI92" s="156"/>
      <c r="GJ92" s="156"/>
      <c r="GK92" s="156" t="s">
        <v>27</v>
      </c>
      <c r="GL92" s="156"/>
      <c r="GM92" s="156"/>
      <c r="GN92" s="156"/>
      <c r="GO92" s="156"/>
      <c r="GP92" s="156"/>
      <c r="GQ92" s="156"/>
      <c r="GR92" s="156"/>
      <c r="GS92" s="156"/>
      <c r="GT92" s="156"/>
      <c r="GU92" s="156"/>
      <c r="GV92" s="156"/>
      <c r="GW92" s="156"/>
      <c r="GX92" s="156"/>
      <c r="GY92" s="156"/>
      <c r="GZ92" s="156"/>
      <c r="HA92" s="156" t="s">
        <v>27</v>
      </c>
      <c r="HB92" s="156"/>
      <c r="HC92" s="156"/>
      <c r="HD92" s="156"/>
      <c r="HE92" s="156"/>
      <c r="HF92" s="156"/>
      <c r="HG92" s="156"/>
      <c r="HH92" s="156"/>
      <c r="HI92" s="156"/>
      <c r="HJ92" s="156"/>
      <c r="HK92" s="156"/>
      <c r="HL92" s="156"/>
      <c r="HM92" s="156"/>
      <c r="HN92" s="156"/>
      <c r="HO92" s="156"/>
      <c r="HP92" s="156"/>
      <c r="HQ92" s="156" t="s">
        <v>27</v>
      </c>
      <c r="HR92" s="156"/>
      <c r="HS92" s="156"/>
      <c r="HT92" s="156"/>
      <c r="HU92" s="156"/>
      <c r="HV92" s="156"/>
      <c r="HW92" s="156"/>
      <c r="HX92" s="156"/>
      <c r="HY92" s="156"/>
      <c r="HZ92" s="156"/>
      <c r="IA92" s="156"/>
      <c r="IB92" s="156"/>
      <c r="IC92" s="156"/>
      <c r="ID92" s="156"/>
      <c r="IE92" s="156"/>
      <c r="IF92" s="156"/>
      <c r="IG92" s="156" t="s">
        <v>27</v>
      </c>
      <c r="IH92" s="156"/>
      <c r="II92" s="156"/>
      <c r="IJ92" s="156"/>
      <c r="IK92" s="156"/>
      <c r="IL92" s="156"/>
      <c r="IM92" s="156"/>
      <c r="IN92" s="156"/>
      <c r="IO92" s="156"/>
      <c r="IP92" s="156"/>
      <c r="IQ92" s="156"/>
      <c r="IR92" s="156"/>
      <c r="IS92" s="156"/>
      <c r="IT92" s="156"/>
      <c r="IU92" s="156"/>
      <c r="IV92" s="156"/>
    </row>
    <row r="93" spans="1:256" x14ac:dyDescent="0.25">
      <c r="A93" s="26" t="s">
        <v>5</v>
      </c>
      <c r="B93" s="45" t="s">
        <v>31</v>
      </c>
    </row>
    <row r="165" spans="1:256" s="26" customFormat="1" x14ac:dyDescent="0.25">
      <c r="A165" s="63"/>
      <c r="B165" s="63"/>
      <c r="C165" s="63"/>
      <c r="D165" s="63"/>
      <c r="E165" s="63"/>
      <c r="F165" s="63"/>
      <c r="G165" s="63"/>
      <c r="H165" s="63"/>
      <c r="I165" s="63"/>
      <c r="K165" s="28"/>
      <c r="L165" s="28"/>
      <c r="M165" s="28"/>
      <c r="N165" s="28"/>
      <c r="O165" s="28"/>
      <c r="P165" s="28"/>
      <c r="Q165" s="28"/>
      <c r="R165" s="28"/>
      <c r="S165" s="28"/>
      <c r="T165" s="28"/>
      <c r="U165" s="28"/>
      <c r="V165" s="28"/>
      <c r="W165" s="28"/>
      <c r="X165" s="28"/>
      <c r="Y165" s="28"/>
      <c r="Z165" s="28"/>
      <c r="AA165" s="28"/>
      <c r="AB165" s="28"/>
      <c r="AC165" s="28"/>
      <c r="AD165" s="28"/>
      <c r="AE165" s="28"/>
      <c r="AF165" s="28"/>
      <c r="AG165" s="28"/>
      <c r="AH165" s="28"/>
      <c r="AI165" s="28"/>
      <c r="AJ165" s="28"/>
      <c r="AK165" s="28"/>
      <c r="AL165" s="28"/>
      <c r="AM165" s="28"/>
      <c r="AN165" s="28"/>
      <c r="AO165" s="28"/>
      <c r="AP165" s="28"/>
      <c r="AQ165" s="28"/>
      <c r="AR165" s="28"/>
      <c r="AS165" s="28"/>
      <c r="AT165" s="28"/>
      <c r="AU165" s="28"/>
      <c r="AV165" s="28"/>
      <c r="AW165" s="28"/>
      <c r="AX165" s="28"/>
      <c r="AY165" s="28"/>
      <c r="AZ165" s="28"/>
      <c r="BA165" s="28"/>
      <c r="BB165" s="28"/>
      <c r="BC165" s="28"/>
      <c r="BD165" s="28"/>
      <c r="BE165" s="28"/>
      <c r="BF165" s="28"/>
      <c r="BG165" s="28"/>
      <c r="BH165" s="28"/>
      <c r="BI165" s="28"/>
      <c r="BJ165" s="28"/>
      <c r="BK165" s="28"/>
      <c r="BL165" s="28"/>
      <c r="BM165" s="28"/>
      <c r="BN165" s="28"/>
      <c r="BO165" s="28"/>
      <c r="BP165" s="28"/>
      <c r="BQ165" s="28"/>
      <c r="BR165" s="28"/>
      <c r="BS165" s="28"/>
      <c r="BT165" s="28"/>
      <c r="BU165" s="28"/>
      <c r="BV165" s="28"/>
      <c r="BW165" s="28"/>
      <c r="BX165" s="28"/>
      <c r="BY165" s="28"/>
      <c r="BZ165" s="28"/>
      <c r="CA165" s="28"/>
      <c r="CB165" s="28"/>
      <c r="CC165" s="28"/>
      <c r="CD165" s="28"/>
      <c r="CE165" s="28"/>
      <c r="CF165" s="28"/>
      <c r="CG165" s="28"/>
      <c r="CH165" s="28"/>
      <c r="CI165" s="28"/>
      <c r="CJ165" s="28"/>
      <c r="CK165" s="28"/>
      <c r="CL165" s="28"/>
      <c r="CM165" s="28"/>
      <c r="CN165" s="28"/>
      <c r="CO165" s="28"/>
      <c r="CP165" s="28"/>
      <c r="CQ165" s="28"/>
      <c r="CR165" s="28"/>
      <c r="CS165" s="28"/>
      <c r="CT165" s="28"/>
      <c r="CU165" s="28"/>
      <c r="CV165" s="28"/>
      <c r="CW165" s="28"/>
      <c r="CX165" s="28"/>
      <c r="CY165" s="28"/>
      <c r="CZ165" s="28"/>
      <c r="DA165" s="28"/>
      <c r="DB165" s="28"/>
      <c r="DC165" s="28"/>
      <c r="DD165" s="28"/>
      <c r="DE165" s="28"/>
      <c r="DF165" s="28"/>
      <c r="DG165" s="28"/>
      <c r="DH165" s="28"/>
      <c r="DI165" s="28"/>
      <c r="DJ165" s="28"/>
      <c r="DK165" s="28"/>
      <c r="DL165" s="28"/>
      <c r="DM165" s="28"/>
      <c r="DN165" s="28"/>
      <c r="DO165" s="28"/>
      <c r="DP165" s="28"/>
      <c r="DQ165" s="28"/>
      <c r="DR165" s="28"/>
      <c r="DS165" s="28"/>
      <c r="DT165" s="28"/>
      <c r="DU165" s="28"/>
      <c r="DV165" s="28"/>
      <c r="DW165" s="28"/>
      <c r="DX165" s="28"/>
      <c r="DY165" s="28"/>
      <c r="DZ165" s="28"/>
      <c r="EA165" s="28"/>
      <c r="EB165" s="28"/>
      <c r="EC165" s="28"/>
      <c r="ED165" s="28"/>
      <c r="EE165" s="28"/>
      <c r="EF165" s="28"/>
      <c r="EG165" s="28"/>
      <c r="EH165" s="28"/>
      <c r="EI165" s="28"/>
      <c r="EJ165" s="28"/>
      <c r="EK165" s="28"/>
      <c r="EL165" s="28"/>
      <c r="EM165" s="28"/>
      <c r="EN165" s="28"/>
      <c r="EO165" s="28"/>
      <c r="EP165" s="28"/>
      <c r="EQ165" s="28"/>
      <c r="ER165" s="28"/>
      <c r="ES165" s="28"/>
      <c r="ET165" s="28"/>
      <c r="EU165" s="28"/>
      <c r="EV165" s="28"/>
      <c r="EW165" s="28"/>
      <c r="EX165" s="28"/>
      <c r="EY165" s="28"/>
      <c r="EZ165" s="28"/>
      <c r="FA165" s="28"/>
      <c r="FB165" s="28"/>
      <c r="FC165" s="28"/>
      <c r="FD165" s="28"/>
      <c r="FE165" s="28"/>
      <c r="FF165" s="28"/>
      <c r="FG165" s="28"/>
      <c r="FH165" s="28"/>
      <c r="FI165" s="28"/>
      <c r="FJ165" s="28"/>
      <c r="FK165" s="28"/>
      <c r="FL165" s="28"/>
      <c r="FM165" s="28"/>
      <c r="FN165" s="28"/>
      <c r="FO165" s="28"/>
      <c r="FP165" s="28"/>
      <c r="FQ165" s="28"/>
      <c r="FR165" s="28"/>
      <c r="FS165" s="28"/>
      <c r="FT165" s="28"/>
      <c r="FU165" s="28"/>
      <c r="FV165" s="28"/>
      <c r="FW165" s="28"/>
      <c r="FX165" s="28"/>
      <c r="FY165" s="28"/>
      <c r="FZ165" s="28"/>
      <c r="GA165" s="28"/>
      <c r="GB165" s="28"/>
      <c r="GC165" s="28"/>
      <c r="GD165" s="28"/>
      <c r="GE165" s="28"/>
      <c r="GF165" s="28"/>
      <c r="GG165" s="28"/>
      <c r="GH165" s="28"/>
      <c r="GI165" s="28"/>
      <c r="GJ165" s="28"/>
      <c r="GK165" s="28"/>
      <c r="GL165" s="28"/>
      <c r="GM165" s="28"/>
      <c r="GN165" s="28"/>
      <c r="GO165" s="28"/>
      <c r="GP165" s="28"/>
      <c r="GQ165" s="28"/>
      <c r="GR165" s="28"/>
      <c r="GS165" s="28"/>
      <c r="GT165" s="28"/>
      <c r="GU165" s="28"/>
      <c r="GV165" s="28"/>
      <c r="GW165" s="28"/>
      <c r="GX165" s="28"/>
      <c r="GY165" s="28"/>
      <c r="GZ165" s="28"/>
      <c r="HA165" s="28"/>
      <c r="HB165" s="28"/>
      <c r="HC165" s="28"/>
      <c r="HD165" s="28"/>
      <c r="HE165" s="28"/>
      <c r="HF165" s="28"/>
      <c r="HG165" s="28"/>
      <c r="HH165" s="28"/>
      <c r="HI165" s="28"/>
      <c r="HJ165" s="28"/>
      <c r="HK165" s="28"/>
      <c r="HL165" s="28"/>
      <c r="HM165" s="28"/>
      <c r="HN165" s="28"/>
      <c r="HO165" s="28"/>
      <c r="HP165" s="28"/>
      <c r="HQ165" s="28"/>
      <c r="HR165" s="28"/>
      <c r="HS165" s="28"/>
      <c r="HT165" s="28"/>
      <c r="HU165" s="28"/>
      <c r="HV165" s="28"/>
      <c r="HW165" s="28"/>
      <c r="HX165" s="28"/>
      <c r="HY165" s="28"/>
      <c r="HZ165" s="28"/>
      <c r="IA165" s="28"/>
      <c r="IB165" s="28"/>
      <c r="IC165" s="28"/>
      <c r="ID165" s="28"/>
      <c r="IE165" s="28"/>
      <c r="IF165" s="28"/>
      <c r="IG165" s="28"/>
      <c r="IH165" s="28"/>
      <c r="II165" s="28"/>
      <c r="IJ165" s="28"/>
      <c r="IK165" s="28"/>
      <c r="IL165" s="28"/>
      <c r="IM165" s="28"/>
      <c r="IN165" s="28"/>
      <c r="IO165" s="28"/>
      <c r="IP165" s="28"/>
      <c r="IQ165" s="28"/>
      <c r="IR165" s="28"/>
      <c r="IS165" s="28"/>
      <c r="IT165" s="28"/>
      <c r="IU165" s="28"/>
      <c r="IV165" s="28"/>
    </row>
  </sheetData>
  <mergeCells count="68">
    <mergeCell ref="C47:F47"/>
    <mergeCell ref="C55:J55"/>
    <mergeCell ref="B39:C39"/>
    <mergeCell ref="C42:J42"/>
    <mergeCell ref="C44:J44"/>
    <mergeCell ref="C46:J46"/>
    <mergeCell ref="C41:F41"/>
    <mergeCell ref="C43:G43"/>
    <mergeCell ref="C45:G45"/>
    <mergeCell ref="C57:J57"/>
    <mergeCell ref="C48:J48"/>
    <mergeCell ref="C51:J51"/>
    <mergeCell ref="C53:J53"/>
    <mergeCell ref="C50:G50"/>
    <mergeCell ref="C52:F52"/>
    <mergeCell ref="C54:G54"/>
    <mergeCell ref="C56:F56"/>
    <mergeCell ref="B60:P60"/>
    <mergeCell ref="B68:P68"/>
    <mergeCell ref="A4:P4"/>
    <mergeCell ref="A9:P9"/>
    <mergeCell ref="B12:M12"/>
    <mergeCell ref="B18:L18"/>
    <mergeCell ref="B21:M21"/>
    <mergeCell ref="N34:P34"/>
    <mergeCell ref="B30:M30"/>
    <mergeCell ref="B22:M22"/>
    <mergeCell ref="A25:P25"/>
    <mergeCell ref="B29:M29"/>
    <mergeCell ref="B32:N32"/>
    <mergeCell ref="B33:N33"/>
    <mergeCell ref="A38:P38"/>
    <mergeCell ref="B59:P59"/>
    <mergeCell ref="B76:P76"/>
    <mergeCell ref="B61:P61"/>
    <mergeCell ref="B65:P65"/>
    <mergeCell ref="B67:P67"/>
    <mergeCell ref="A70:P70"/>
    <mergeCell ref="B75:P75"/>
    <mergeCell ref="B71:P71"/>
    <mergeCell ref="B72:P72"/>
    <mergeCell ref="B73:P73"/>
    <mergeCell ref="B74:P74"/>
    <mergeCell ref="B90:C90"/>
    <mergeCell ref="B85:P85"/>
    <mergeCell ref="B79:P79"/>
    <mergeCell ref="B80:O80"/>
    <mergeCell ref="B77:P77"/>
    <mergeCell ref="B78:P78"/>
    <mergeCell ref="A82:P82"/>
    <mergeCell ref="A87:P87"/>
    <mergeCell ref="B89:C89"/>
    <mergeCell ref="IG92:IV92"/>
    <mergeCell ref="CS92:DH92"/>
    <mergeCell ref="DI92:DX92"/>
    <mergeCell ref="DY92:EN92"/>
    <mergeCell ref="EO92:FD92"/>
    <mergeCell ref="GK92:GZ92"/>
    <mergeCell ref="HA92:HP92"/>
    <mergeCell ref="HQ92:IF92"/>
    <mergeCell ref="FE92:FT92"/>
    <mergeCell ref="FU92:GJ92"/>
    <mergeCell ref="CC92:CR92"/>
    <mergeCell ref="A92:P92"/>
    <mergeCell ref="Q92:AF92"/>
    <mergeCell ref="AG92:AV92"/>
    <mergeCell ref="AW92:BL92"/>
    <mergeCell ref="BM92:CB92"/>
  </mergeCells>
  <printOptions horizontalCentered="1" verticalCentered="1"/>
  <pageMargins left="0.78740157480314965" right="0.78740157480314965" top="0.15748031496062992" bottom="0.51181102362204722" header="0" footer="0"/>
  <pageSetup paperSize="9" scale="61"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3:IV165"/>
  <sheetViews>
    <sheetView showGridLines="0" topLeftCell="A74" workbookViewId="0">
      <selection activeCell="D89" sqref="D89:D9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203</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106" t="s">
        <v>6</v>
      </c>
      <c r="I10" s="28"/>
      <c r="O10" s="36" t="s">
        <v>7</v>
      </c>
    </row>
    <row r="11" spans="1:16" x14ac:dyDescent="0.25">
      <c r="A11" s="26" t="s">
        <v>5</v>
      </c>
      <c r="B11" s="106" t="s">
        <v>8</v>
      </c>
      <c r="I11" s="28"/>
      <c r="O11" s="40">
        <v>100000</v>
      </c>
    </row>
    <row r="12" spans="1:16" ht="24.75" customHeight="1" x14ac:dyDescent="0.25">
      <c r="A12" s="41" t="s">
        <v>5</v>
      </c>
      <c r="B12" s="150" t="s">
        <v>70</v>
      </c>
      <c r="C12" s="150"/>
      <c r="D12" s="150"/>
      <c r="E12" s="150"/>
      <c r="F12" s="150"/>
      <c r="G12" s="150"/>
      <c r="H12" s="150"/>
      <c r="I12" s="150"/>
      <c r="J12" s="150"/>
      <c r="K12" s="150"/>
      <c r="L12" s="150"/>
      <c r="M12" s="150"/>
      <c r="O12" s="42">
        <v>20000</v>
      </c>
      <c r="P12" s="43" t="s">
        <v>9</v>
      </c>
    </row>
    <row r="13" spans="1:16" x14ac:dyDescent="0.25">
      <c r="A13" s="26" t="s">
        <v>5</v>
      </c>
      <c r="B13" s="106" t="s">
        <v>29</v>
      </c>
      <c r="I13" s="28"/>
      <c r="J13" s="28"/>
      <c r="O13" s="40"/>
      <c r="P13" s="26"/>
    </row>
    <row r="14" spans="1:16" x14ac:dyDescent="0.25">
      <c r="B14" s="44" t="s">
        <v>10</v>
      </c>
      <c r="I14" s="28"/>
      <c r="J14" s="28"/>
      <c r="O14" s="40">
        <v>20000</v>
      </c>
      <c r="P14" s="106" t="s">
        <v>9</v>
      </c>
    </row>
    <row r="15" spans="1:16" x14ac:dyDescent="0.25">
      <c r="B15" s="44" t="s">
        <v>11</v>
      </c>
      <c r="I15" s="28"/>
      <c r="J15" s="28"/>
      <c r="O15" s="40">
        <v>20000</v>
      </c>
      <c r="P15" s="106" t="s">
        <v>9</v>
      </c>
    </row>
    <row r="16" spans="1:16" x14ac:dyDescent="0.25">
      <c r="B16" s="44" t="s">
        <v>12</v>
      </c>
      <c r="I16" s="28"/>
      <c r="J16" s="28"/>
      <c r="O16" s="40">
        <v>4000</v>
      </c>
      <c r="P16" s="106" t="s">
        <v>9</v>
      </c>
    </row>
    <row r="17" spans="1:16" x14ac:dyDescent="0.25">
      <c r="B17" s="44" t="s">
        <v>33</v>
      </c>
      <c r="I17" s="28"/>
      <c r="J17" s="28"/>
      <c r="O17" s="40">
        <v>1000</v>
      </c>
      <c r="P17" s="106" t="s">
        <v>9</v>
      </c>
    </row>
    <row r="18" spans="1:16" ht="12" customHeight="1" x14ac:dyDescent="0.25">
      <c r="A18" s="41" t="s">
        <v>5</v>
      </c>
      <c r="B18" s="138" t="s">
        <v>13</v>
      </c>
      <c r="C18" s="138"/>
      <c r="D18" s="138"/>
      <c r="E18" s="138"/>
      <c r="F18" s="138"/>
      <c r="G18" s="138"/>
      <c r="H18" s="138"/>
      <c r="I18" s="138"/>
      <c r="J18" s="138"/>
      <c r="K18" s="138"/>
      <c r="L18" s="138"/>
      <c r="O18" s="40">
        <v>1000</v>
      </c>
    </row>
    <row r="19" spans="1:16" x14ac:dyDescent="0.25">
      <c r="A19" s="26" t="s">
        <v>5</v>
      </c>
      <c r="B19" s="106" t="s">
        <v>14</v>
      </c>
      <c r="I19" s="28"/>
      <c r="O19" s="36" t="s">
        <v>7</v>
      </c>
    </row>
    <row r="20" spans="1:16" x14ac:dyDescent="0.25">
      <c r="A20" s="26" t="s">
        <v>5</v>
      </c>
      <c r="B20" s="106"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34" t="s">
        <v>91</v>
      </c>
      <c r="C22" s="134"/>
      <c r="D22" s="134"/>
      <c r="E22" s="134"/>
      <c r="F22" s="134"/>
      <c r="G22" s="134"/>
      <c r="H22" s="134"/>
      <c r="I22" s="134"/>
      <c r="J22" s="134"/>
      <c r="K22" s="134"/>
      <c r="L22" s="134"/>
      <c r="M22" s="134"/>
      <c r="N22" s="46"/>
      <c r="O22" s="42">
        <v>50000</v>
      </c>
    </row>
    <row r="23" spans="1:16" x14ac:dyDescent="0.25">
      <c r="A23" s="26" t="s">
        <v>5</v>
      </c>
      <c r="B23" s="106" t="s">
        <v>16</v>
      </c>
      <c r="I23" s="28"/>
      <c r="O23" s="36" t="s">
        <v>7</v>
      </c>
    </row>
    <row r="25" spans="1:16" ht="12" customHeight="1" x14ac:dyDescent="0.25">
      <c r="A25" s="137" t="s">
        <v>17</v>
      </c>
      <c r="B25" s="137"/>
      <c r="C25" s="137"/>
      <c r="D25" s="137"/>
      <c r="E25" s="137"/>
      <c r="F25" s="137"/>
      <c r="G25" s="137"/>
      <c r="H25" s="137"/>
      <c r="I25" s="137"/>
      <c r="J25" s="137"/>
      <c r="K25" s="137"/>
      <c r="L25" s="137"/>
      <c r="M25" s="137"/>
      <c r="N25" s="137"/>
      <c r="O25" s="137"/>
      <c r="P25" s="137"/>
    </row>
    <row r="26" spans="1:16" x14ac:dyDescent="0.25">
      <c r="A26" s="26" t="s">
        <v>5</v>
      </c>
      <c r="B26" s="106" t="s">
        <v>18</v>
      </c>
      <c r="I26" s="28"/>
      <c r="O26" s="47">
        <v>250</v>
      </c>
    </row>
    <row r="27" spans="1:16" x14ac:dyDescent="0.25">
      <c r="A27" s="26" t="s">
        <v>5</v>
      </c>
      <c r="B27" s="106" t="s">
        <v>19</v>
      </c>
      <c r="I27" s="28"/>
      <c r="O27" s="47">
        <v>250</v>
      </c>
    </row>
    <row r="28" spans="1:16" x14ac:dyDescent="0.25">
      <c r="A28" s="26" t="s">
        <v>5</v>
      </c>
      <c r="B28" s="106" t="s">
        <v>126</v>
      </c>
      <c r="I28" s="28"/>
      <c r="O28" s="50" t="s">
        <v>82</v>
      </c>
    </row>
    <row r="29" spans="1:16" x14ac:dyDescent="0.25">
      <c r="A29" s="41" t="s">
        <v>5</v>
      </c>
      <c r="B29" s="152" t="s">
        <v>127</v>
      </c>
      <c r="C29" s="152"/>
      <c r="D29" s="152"/>
      <c r="E29" s="152"/>
      <c r="F29" s="152"/>
      <c r="G29" s="152"/>
      <c r="H29" s="152"/>
      <c r="I29" s="152"/>
      <c r="J29" s="152"/>
      <c r="K29" s="152"/>
      <c r="L29" s="152"/>
      <c r="M29" s="152"/>
      <c r="N29" s="108"/>
      <c r="O29" s="73" t="s">
        <v>82</v>
      </c>
      <c r="P29" s="108"/>
    </row>
    <row r="30" spans="1:16" ht="12" customHeight="1" x14ac:dyDescent="0.25">
      <c r="A30" s="41" t="s">
        <v>5</v>
      </c>
      <c r="B30" s="148" t="s">
        <v>128</v>
      </c>
      <c r="C30" s="148"/>
      <c r="D30" s="148"/>
      <c r="E30" s="148"/>
      <c r="F30" s="148"/>
      <c r="G30" s="148"/>
      <c r="H30" s="148"/>
      <c r="I30" s="148"/>
      <c r="J30" s="148"/>
      <c r="K30" s="148"/>
      <c r="L30" s="148"/>
      <c r="M30" s="148"/>
      <c r="N30" s="84"/>
      <c r="O30" s="73" t="s">
        <v>82</v>
      </c>
      <c r="P30" s="84"/>
    </row>
    <row r="31" spans="1:16" x14ac:dyDescent="0.25">
      <c r="A31" s="41" t="s">
        <v>5</v>
      </c>
      <c r="B31" s="64" t="s">
        <v>125</v>
      </c>
      <c r="C31" s="65"/>
      <c r="D31" s="50"/>
      <c r="E31" s="50"/>
      <c r="F31" s="50"/>
      <c r="G31" s="50"/>
      <c r="H31" s="50"/>
      <c r="I31" s="49"/>
      <c r="J31" s="50"/>
      <c r="K31" s="49"/>
      <c r="L31" s="49"/>
      <c r="M31" s="49"/>
      <c r="N31" s="49"/>
      <c r="O31" s="50" t="s">
        <v>82</v>
      </c>
    </row>
    <row r="32" spans="1:16" ht="12" customHeight="1" x14ac:dyDescent="0.25">
      <c r="A32" s="41"/>
      <c r="B32" s="154" t="s">
        <v>110</v>
      </c>
      <c r="C32" s="154"/>
      <c r="D32" s="154"/>
      <c r="E32" s="154"/>
      <c r="F32" s="154"/>
      <c r="G32" s="154"/>
      <c r="H32" s="154"/>
      <c r="I32" s="154"/>
      <c r="J32" s="154"/>
      <c r="K32" s="154"/>
      <c r="L32" s="154"/>
      <c r="M32" s="154"/>
      <c r="N32" s="154"/>
      <c r="O32" s="66"/>
    </row>
    <row r="33" spans="1:16" ht="12" customHeight="1" x14ac:dyDescent="0.25">
      <c r="A33" s="41"/>
      <c r="B33" s="153" t="s">
        <v>81</v>
      </c>
      <c r="C33" s="153"/>
      <c r="D33" s="153"/>
      <c r="E33" s="153"/>
      <c r="F33" s="153"/>
      <c r="G33" s="153"/>
      <c r="H33" s="153"/>
      <c r="I33" s="153"/>
      <c r="J33" s="153"/>
      <c r="K33" s="153"/>
      <c r="L33" s="153"/>
      <c r="M33" s="153"/>
      <c r="N33" s="153"/>
      <c r="O33" s="66"/>
    </row>
    <row r="34" spans="1:16" ht="24" customHeight="1" x14ac:dyDescent="0.25">
      <c r="A34" s="36" t="s">
        <v>5</v>
      </c>
      <c r="B34" s="67" t="s">
        <v>124</v>
      </c>
      <c r="C34" s="50"/>
      <c r="D34" s="50"/>
      <c r="E34" s="50"/>
      <c r="F34" s="50"/>
      <c r="G34" s="50"/>
      <c r="H34" s="50"/>
      <c r="I34" s="49"/>
      <c r="J34" s="50"/>
      <c r="K34" s="49"/>
      <c r="L34" s="49"/>
      <c r="M34" s="49"/>
      <c r="N34" s="151" t="s">
        <v>233</v>
      </c>
      <c r="O34" s="151"/>
      <c r="P34" s="151"/>
    </row>
    <row r="35" spans="1:16" x14ac:dyDescent="0.25">
      <c r="A35" s="36" t="s">
        <v>5</v>
      </c>
      <c r="B35" s="67" t="s">
        <v>123</v>
      </c>
      <c r="C35" s="50"/>
      <c r="D35" s="50"/>
      <c r="E35" s="50"/>
      <c r="F35" s="50"/>
      <c r="G35" s="50"/>
      <c r="H35" s="50"/>
      <c r="I35" s="49"/>
      <c r="J35" s="50"/>
      <c r="K35" s="49"/>
      <c r="L35" s="49"/>
      <c r="M35" s="49"/>
      <c r="N35" s="108"/>
      <c r="O35" s="50" t="s">
        <v>82</v>
      </c>
      <c r="P35" s="108"/>
    </row>
    <row r="36" spans="1:16" x14ac:dyDescent="0.25">
      <c r="A36" s="36"/>
      <c r="B36" s="68" t="s">
        <v>280</v>
      </c>
      <c r="C36" s="50"/>
      <c r="D36" s="50"/>
      <c r="E36" s="50"/>
      <c r="F36" s="50"/>
      <c r="G36" s="50"/>
      <c r="H36" s="50"/>
      <c r="I36" s="49"/>
      <c r="J36" s="50"/>
      <c r="K36" s="49"/>
      <c r="L36" s="49"/>
      <c r="M36" s="49"/>
      <c r="N36" s="108"/>
      <c r="O36" s="108"/>
      <c r="P36" s="108"/>
    </row>
    <row r="37" spans="1:16" x14ac:dyDescent="0.25">
      <c r="I37" s="48"/>
    </row>
    <row r="38" spans="1:16" ht="12" customHeight="1" x14ac:dyDescent="0.25">
      <c r="A38" s="137" t="s">
        <v>20</v>
      </c>
      <c r="B38" s="137"/>
      <c r="C38" s="137"/>
      <c r="D38" s="137"/>
      <c r="E38" s="137"/>
      <c r="F38" s="137"/>
      <c r="G38" s="137"/>
      <c r="H38" s="137"/>
      <c r="I38" s="137"/>
      <c r="J38" s="137"/>
      <c r="K38" s="137"/>
      <c r="L38" s="137"/>
      <c r="M38" s="137"/>
      <c r="N38" s="137"/>
      <c r="O38" s="137"/>
      <c r="P38" s="137"/>
    </row>
    <row r="39" spans="1:16" ht="12" customHeight="1" x14ac:dyDescent="0.25">
      <c r="A39" s="119" t="s">
        <v>221</v>
      </c>
      <c r="B39" s="155" t="s">
        <v>220</v>
      </c>
      <c r="C39" s="155"/>
      <c r="D39" s="114"/>
      <c r="E39" s="114"/>
      <c r="F39" s="114"/>
      <c r="G39" s="114"/>
      <c r="H39" s="114"/>
      <c r="I39" s="114"/>
      <c r="J39" s="114"/>
      <c r="K39" s="114"/>
      <c r="L39" s="114"/>
      <c r="M39" s="114"/>
      <c r="N39" s="114"/>
      <c r="O39" s="114"/>
      <c r="P39" s="114"/>
    </row>
    <row r="40" spans="1:16" ht="12" customHeight="1" x14ac:dyDescent="0.25">
      <c r="A40" s="49"/>
      <c r="B40" s="117" t="s">
        <v>219</v>
      </c>
      <c r="C40" s="117"/>
      <c r="D40" s="117"/>
      <c r="E40" s="117"/>
      <c r="F40" s="117"/>
      <c r="G40" s="117"/>
      <c r="H40" s="117"/>
      <c r="I40" s="116"/>
      <c r="J40" s="116"/>
      <c r="K40" s="116"/>
      <c r="L40" s="116"/>
      <c r="M40" s="116"/>
      <c r="N40" s="116"/>
      <c r="O40" s="114"/>
      <c r="P40" s="114"/>
    </row>
    <row r="41" spans="1:16" ht="12" customHeight="1" x14ac:dyDescent="0.25">
      <c r="A41" s="28"/>
      <c r="B41" s="41" t="s">
        <v>5</v>
      </c>
      <c r="C41" s="138" t="s">
        <v>192</v>
      </c>
      <c r="D41" s="138"/>
      <c r="E41" s="138"/>
      <c r="F41" s="138"/>
      <c r="G41" s="118"/>
      <c r="H41" s="118"/>
      <c r="I41" s="118"/>
      <c r="J41" s="118"/>
      <c r="K41" s="118"/>
      <c r="L41" s="118"/>
      <c r="M41" s="118"/>
      <c r="N41" s="115"/>
    </row>
    <row r="42" spans="1:16" ht="12" customHeight="1" x14ac:dyDescent="0.25">
      <c r="A42" s="41"/>
      <c r="B42" s="28"/>
      <c r="C42" s="138" t="s">
        <v>224</v>
      </c>
      <c r="D42" s="138"/>
      <c r="E42" s="138"/>
      <c r="F42" s="138"/>
      <c r="G42" s="138"/>
      <c r="H42" s="138"/>
      <c r="I42" s="138"/>
      <c r="J42" s="138"/>
      <c r="K42" s="115"/>
      <c r="L42" s="115"/>
    </row>
    <row r="43" spans="1:16" ht="12" customHeight="1" x14ac:dyDescent="0.25">
      <c r="A43" s="28"/>
      <c r="B43" s="41" t="s">
        <v>5</v>
      </c>
      <c r="C43" s="138" t="s">
        <v>198</v>
      </c>
      <c r="D43" s="138"/>
      <c r="E43" s="138"/>
      <c r="F43" s="138"/>
      <c r="G43" s="138"/>
      <c r="H43" s="118"/>
      <c r="I43" s="118"/>
      <c r="J43" s="118"/>
      <c r="K43" s="118"/>
      <c r="L43" s="118"/>
      <c r="M43" s="118"/>
      <c r="N43" s="118"/>
      <c r="O43" s="118"/>
      <c r="P43" s="118"/>
    </row>
    <row r="44" spans="1:16" ht="12" customHeight="1" x14ac:dyDescent="0.25">
      <c r="A44" s="41"/>
      <c r="B44" s="28"/>
      <c r="C44" s="138" t="s">
        <v>225</v>
      </c>
      <c r="D44" s="138"/>
      <c r="E44" s="138"/>
      <c r="F44" s="138"/>
      <c r="G44" s="138"/>
      <c r="H44" s="138"/>
      <c r="I44" s="138"/>
      <c r="J44" s="138"/>
      <c r="K44" s="115"/>
    </row>
    <row r="45" spans="1:16" ht="12" customHeight="1" x14ac:dyDescent="0.25">
      <c r="A45" s="28"/>
      <c r="B45" s="41" t="s">
        <v>5</v>
      </c>
      <c r="C45" s="138" t="s">
        <v>199</v>
      </c>
      <c r="D45" s="138"/>
      <c r="E45" s="138"/>
      <c r="F45" s="138"/>
      <c r="G45" s="138"/>
      <c r="H45" s="118"/>
      <c r="I45" s="118"/>
      <c r="J45" s="118"/>
      <c r="K45" s="118"/>
      <c r="L45" s="118"/>
      <c r="M45" s="118"/>
      <c r="N45" s="118"/>
      <c r="O45" s="118"/>
      <c r="P45" s="118"/>
    </row>
    <row r="46" spans="1:16" ht="12" customHeight="1" x14ac:dyDescent="0.25">
      <c r="A46" s="41"/>
      <c r="B46" s="28"/>
      <c r="C46" s="138" t="s">
        <v>226</v>
      </c>
      <c r="D46" s="138"/>
      <c r="E46" s="138"/>
      <c r="F46" s="138"/>
      <c r="G46" s="138"/>
      <c r="H46" s="138"/>
      <c r="I46" s="138"/>
      <c r="J46" s="138"/>
      <c r="K46" s="115"/>
    </row>
    <row r="47" spans="1:16" ht="12" customHeight="1" x14ac:dyDescent="0.25">
      <c r="A47" s="28"/>
      <c r="B47" s="26" t="s">
        <v>5</v>
      </c>
      <c r="C47" s="138" t="s">
        <v>193</v>
      </c>
      <c r="D47" s="138"/>
      <c r="E47" s="138"/>
      <c r="F47" s="138"/>
      <c r="G47" s="118"/>
      <c r="H47" s="118"/>
      <c r="I47" s="118"/>
      <c r="J47" s="118"/>
      <c r="K47" s="118"/>
      <c r="L47" s="118"/>
      <c r="M47" s="118"/>
      <c r="N47" s="118"/>
      <c r="O47" s="118"/>
      <c r="P47" s="118"/>
    </row>
    <row r="48" spans="1:16" ht="12" customHeight="1" x14ac:dyDescent="0.25">
      <c r="A48" s="41"/>
      <c r="B48" s="28"/>
      <c r="C48" s="138" t="s">
        <v>227</v>
      </c>
      <c r="D48" s="138"/>
      <c r="E48" s="138"/>
      <c r="F48" s="138"/>
      <c r="G48" s="138"/>
      <c r="H48" s="138"/>
      <c r="I48" s="138"/>
      <c r="J48" s="138"/>
      <c r="K48" s="115"/>
    </row>
    <row r="49" spans="1:16" ht="12" customHeight="1" x14ac:dyDescent="0.25">
      <c r="A49" s="28"/>
      <c r="B49" s="117" t="s">
        <v>218</v>
      </c>
      <c r="C49" s="117"/>
      <c r="D49" s="117"/>
      <c r="E49" s="117"/>
      <c r="F49" s="117"/>
      <c r="G49" s="117"/>
      <c r="H49" s="117"/>
      <c r="I49" s="115"/>
      <c r="J49" s="115"/>
      <c r="K49" s="115"/>
    </row>
    <row r="50" spans="1:16" ht="12" customHeight="1" x14ac:dyDescent="0.25">
      <c r="A50" s="28"/>
      <c r="B50" s="41" t="s">
        <v>5</v>
      </c>
      <c r="C50" s="138" t="s">
        <v>192</v>
      </c>
      <c r="D50" s="138"/>
      <c r="E50" s="138"/>
      <c r="F50" s="138"/>
      <c r="G50" s="138"/>
      <c r="H50" s="118"/>
      <c r="I50" s="118"/>
      <c r="J50" s="118"/>
      <c r="K50" s="118"/>
      <c r="L50" s="118"/>
      <c r="M50" s="118"/>
      <c r="N50" s="115"/>
    </row>
    <row r="51" spans="1:16" ht="12" customHeight="1" x14ac:dyDescent="0.25">
      <c r="A51" s="41"/>
      <c r="B51" s="28"/>
      <c r="C51" s="138" t="s">
        <v>228</v>
      </c>
      <c r="D51" s="138"/>
      <c r="E51" s="138"/>
      <c r="F51" s="138"/>
      <c r="G51" s="138"/>
      <c r="H51" s="138"/>
      <c r="I51" s="138"/>
      <c r="J51" s="138"/>
      <c r="K51" s="115"/>
      <c r="L51" s="115"/>
    </row>
    <row r="52" spans="1:16" ht="12" customHeight="1" x14ac:dyDescent="0.25">
      <c r="A52" s="28"/>
      <c r="B52" s="41" t="s">
        <v>5</v>
      </c>
      <c r="C52" s="138" t="s">
        <v>198</v>
      </c>
      <c r="D52" s="138"/>
      <c r="E52" s="138"/>
      <c r="F52" s="138"/>
      <c r="G52" s="118"/>
      <c r="H52" s="118"/>
      <c r="I52" s="118"/>
      <c r="J52" s="118"/>
      <c r="K52" s="118"/>
      <c r="L52" s="118"/>
      <c r="M52" s="118"/>
      <c r="N52" s="118"/>
      <c r="O52" s="118"/>
      <c r="P52" s="118"/>
    </row>
    <row r="53" spans="1:16" ht="12" customHeight="1" x14ac:dyDescent="0.25">
      <c r="A53" s="41"/>
      <c r="B53" s="28"/>
      <c r="C53" s="138" t="s">
        <v>229</v>
      </c>
      <c r="D53" s="138"/>
      <c r="E53" s="138"/>
      <c r="F53" s="138"/>
      <c r="G53" s="138"/>
      <c r="H53" s="138"/>
      <c r="I53" s="138"/>
      <c r="J53" s="138"/>
      <c r="K53" s="115"/>
    </row>
    <row r="54" spans="1:16" ht="12" customHeight="1" x14ac:dyDescent="0.25">
      <c r="A54" s="28"/>
      <c r="B54" s="41" t="s">
        <v>5</v>
      </c>
      <c r="C54" s="138" t="s">
        <v>199</v>
      </c>
      <c r="D54" s="138"/>
      <c r="E54" s="138"/>
      <c r="F54" s="138"/>
      <c r="G54" s="138"/>
      <c r="H54" s="118"/>
      <c r="I54" s="118"/>
      <c r="J54" s="118"/>
      <c r="K54" s="118"/>
      <c r="L54" s="118"/>
      <c r="M54" s="118"/>
      <c r="N54" s="118"/>
      <c r="O54" s="118"/>
      <c r="P54" s="118"/>
    </row>
    <row r="55" spans="1:16" ht="12" customHeight="1" x14ac:dyDescent="0.25">
      <c r="A55" s="41"/>
      <c r="B55" s="28"/>
      <c r="C55" s="138" t="s">
        <v>230</v>
      </c>
      <c r="D55" s="138"/>
      <c r="E55" s="138"/>
      <c r="F55" s="138"/>
      <c r="G55" s="138"/>
      <c r="H55" s="138"/>
      <c r="I55" s="138"/>
      <c r="J55" s="138"/>
      <c r="K55" s="115"/>
    </row>
    <row r="56" spans="1:16" ht="12" customHeight="1" x14ac:dyDescent="0.25">
      <c r="A56" s="28"/>
      <c r="B56" s="26" t="s">
        <v>5</v>
      </c>
      <c r="C56" s="138" t="s">
        <v>193</v>
      </c>
      <c r="D56" s="138"/>
      <c r="E56" s="138"/>
      <c r="F56" s="138"/>
      <c r="G56" s="118"/>
      <c r="H56" s="118"/>
      <c r="I56" s="118"/>
      <c r="J56" s="118"/>
      <c r="K56" s="118"/>
      <c r="L56" s="118"/>
      <c r="M56" s="118"/>
      <c r="N56" s="118"/>
      <c r="O56" s="118"/>
      <c r="P56" s="118"/>
    </row>
    <row r="57" spans="1:16" ht="12" customHeight="1" x14ac:dyDescent="0.25">
      <c r="A57" s="41"/>
      <c r="B57" s="28"/>
      <c r="C57" s="138" t="s">
        <v>231</v>
      </c>
      <c r="D57" s="138"/>
      <c r="E57" s="138"/>
      <c r="F57" s="138"/>
      <c r="G57" s="138"/>
      <c r="H57" s="138"/>
      <c r="I57" s="138"/>
      <c r="J57" s="138"/>
      <c r="K57" s="115"/>
    </row>
    <row r="58" spans="1:16" ht="12" customHeight="1" x14ac:dyDescent="0.25">
      <c r="B58" s="113"/>
      <c r="C58" s="113"/>
      <c r="D58" s="113"/>
      <c r="E58" s="113"/>
      <c r="F58" s="113"/>
      <c r="G58" s="113"/>
      <c r="H58" s="113"/>
      <c r="I58" s="113"/>
      <c r="J58" s="113"/>
      <c r="K58" s="113"/>
      <c r="L58" s="113"/>
      <c r="M58" s="113"/>
      <c r="N58" s="113"/>
      <c r="O58" s="113"/>
      <c r="P58" s="113"/>
    </row>
    <row r="59" spans="1:16" ht="12" customHeight="1" x14ac:dyDescent="0.25">
      <c r="A59" s="26" t="s">
        <v>5</v>
      </c>
      <c r="B59" s="141" t="s">
        <v>83</v>
      </c>
      <c r="C59" s="141"/>
      <c r="D59" s="141"/>
      <c r="E59" s="141"/>
      <c r="F59" s="141"/>
      <c r="G59" s="141"/>
      <c r="H59" s="141"/>
      <c r="I59" s="141"/>
      <c r="J59" s="141"/>
      <c r="K59" s="141"/>
      <c r="L59" s="141"/>
      <c r="M59" s="141"/>
      <c r="N59" s="141"/>
      <c r="O59" s="141"/>
      <c r="P59" s="141"/>
    </row>
    <row r="60" spans="1:16" s="49" customFormat="1" ht="26.25" customHeight="1" x14ac:dyDescent="0.25">
      <c r="A60" s="65" t="s">
        <v>5</v>
      </c>
      <c r="B60" s="143" t="s">
        <v>94</v>
      </c>
      <c r="C60" s="143"/>
      <c r="D60" s="143"/>
      <c r="E60" s="143"/>
      <c r="F60" s="143"/>
      <c r="G60" s="143"/>
      <c r="H60" s="143"/>
      <c r="I60" s="143"/>
      <c r="J60" s="143"/>
      <c r="K60" s="143"/>
      <c r="L60" s="143"/>
      <c r="M60" s="143"/>
      <c r="N60" s="143"/>
      <c r="O60" s="143"/>
      <c r="P60" s="143"/>
    </row>
    <row r="61" spans="1:16" x14ac:dyDescent="0.25">
      <c r="A61" s="41" t="s">
        <v>5</v>
      </c>
      <c r="B61" s="142" t="s">
        <v>95</v>
      </c>
      <c r="C61" s="142"/>
      <c r="D61" s="142"/>
      <c r="E61" s="142"/>
      <c r="F61" s="142"/>
      <c r="G61" s="142"/>
      <c r="H61" s="142"/>
      <c r="I61" s="142"/>
      <c r="J61" s="142"/>
      <c r="K61" s="142"/>
      <c r="L61" s="142"/>
      <c r="M61" s="142"/>
      <c r="N61" s="142"/>
      <c r="O61" s="142"/>
      <c r="P61" s="142"/>
    </row>
    <row r="62" spans="1:16" x14ac:dyDescent="0.25">
      <c r="A62" s="26" t="s">
        <v>5</v>
      </c>
      <c r="B62" s="69" t="s">
        <v>65</v>
      </c>
      <c r="C62" s="63"/>
      <c r="D62" s="63"/>
      <c r="E62" s="63"/>
      <c r="F62" s="63"/>
      <c r="G62" s="63"/>
      <c r="H62" s="63"/>
      <c r="I62" s="63"/>
      <c r="J62" s="63"/>
      <c r="K62" s="70"/>
      <c r="L62" s="70"/>
      <c r="M62" s="70"/>
      <c r="N62" s="70"/>
      <c r="O62" s="70"/>
      <c r="P62" s="70"/>
    </row>
    <row r="63" spans="1:16" x14ac:dyDescent="0.25">
      <c r="A63" s="26" t="s">
        <v>5</v>
      </c>
      <c r="B63" s="71" t="s">
        <v>104</v>
      </c>
      <c r="C63" s="72"/>
      <c r="D63" s="72"/>
      <c r="E63" s="72"/>
      <c r="F63" s="72"/>
      <c r="G63" s="72"/>
      <c r="H63" s="72"/>
      <c r="I63" s="72"/>
      <c r="J63" s="72"/>
      <c r="K63" s="53"/>
      <c r="L63" s="53"/>
      <c r="M63" s="53"/>
      <c r="N63" s="53"/>
      <c r="O63" s="53"/>
      <c r="P63" s="53"/>
    </row>
    <row r="64" spans="1:16" x14ac:dyDescent="0.25">
      <c r="A64" s="26" t="s">
        <v>5</v>
      </c>
      <c r="B64" s="71" t="s">
        <v>26</v>
      </c>
      <c r="C64" s="72"/>
      <c r="D64" s="72"/>
      <c r="E64" s="72"/>
      <c r="F64" s="72"/>
      <c r="G64" s="72"/>
      <c r="H64" s="72"/>
      <c r="I64" s="72"/>
      <c r="J64" s="72"/>
      <c r="K64" s="53"/>
      <c r="L64" s="53"/>
      <c r="M64" s="53"/>
      <c r="N64" s="53"/>
      <c r="O64" s="53"/>
      <c r="P64" s="53"/>
    </row>
    <row r="65" spans="1:16" ht="24" customHeight="1" x14ac:dyDescent="0.25">
      <c r="A65" s="41" t="s">
        <v>5</v>
      </c>
      <c r="B65" s="158" t="s">
        <v>111</v>
      </c>
      <c r="C65" s="158"/>
      <c r="D65" s="158"/>
      <c r="E65" s="158"/>
      <c r="F65" s="158"/>
      <c r="G65" s="158"/>
      <c r="H65" s="158"/>
      <c r="I65" s="158"/>
      <c r="J65" s="158"/>
      <c r="K65" s="158"/>
      <c r="L65" s="158"/>
      <c r="M65" s="158"/>
      <c r="N65" s="158"/>
      <c r="O65" s="158"/>
      <c r="P65" s="158"/>
    </row>
    <row r="67" spans="1:16" x14ac:dyDescent="0.25">
      <c r="A67" s="106"/>
      <c r="B67" s="141" t="s">
        <v>21</v>
      </c>
      <c r="C67" s="141"/>
      <c r="D67" s="141"/>
      <c r="E67" s="141"/>
      <c r="F67" s="141"/>
      <c r="G67" s="141"/>
      <c r="H67" s="141"/>
      <c r="I67" s="141"/>
      <c r="J67" s="141"/>
      <c r="K67" s="141"/>
      <c r="L67" s="141"/>
      <c r="M67" s="141"/>
      <c r="N67" s="141"/>
      <c r="O67" s="141"/>
      <c r="P67" s="141"/>
    </row>
    <row r="68" spans="1:16" ht="25.5" customHeight="1" x14ac:dyDescent="0.25">
      <c r="A68" s="106"/>
      <c r="B68" s="139" t="s">
        <v>197</v>
      </c>
      <c r="C68" s="138"/>
      <c r="D68" s="138"/>
      <c r="E68" s="138"/>
      <c r="F68" s="138"/>
      <c r="G68" s="138"/>
      <c r="H68" s="138"/>
      <c r="I68" s="138"/>
      <c r="J68" s="138"/>
      <c r="K68" s="138"/>
      <c r="L68" s="138"/>
      <c r="M68" s="138"/>
      <c r="N68" s="138"/>
      <c r="O68" s="138"/>
      <c r="P68" s="138"/>
    </row>
    <row r="69" spans="1:16" ht="13.5" customHeight="1" x14ac:dyDescent="0.25"/>
    <row r="70" spans="1:16" ht="11.25" customHeight="1" x14ac:dyDescent="0.25">
      <c r="A70" s="137" t="s">
        <v>62</v>
      </c>
      <c r="B70" s="137"/>
      <c r="C70" s="137"/>
      <c r="D70" s="137"/>
      <c r="E70" s="137"/>
      <c r="F70" s="137"/>
      <c r="G70" s="137"/>
      <c r="H70" s="137"/>
      <c r="I70" s="137"/>
      <c r="J70" s="137"/>
      <c r="K70" s="137"/>
      <c r="L70" s="137"/>
      <c r="M70" s="137"/>
      <c r="N70" s="137"/>
      <c r="O70" s="137"/>
      <c r="P70" s="137"/>
    </row>
    <row r="71" spans="1:16" s="53" customFormat="1" x14ac:dyDescent="0.25">
      <c r="A71" s="41" t="s">
        <v>5</v>
      </c>
      <c r="B71" s="134" t="s">
        <v>63</v>
      </c>
      <c r="C71" s="134"/>
      <c r="D71" s="134"/>
      <c r="E71" s="134"/>
      <c r="F71" s="134"/>
      <c r="G71" s="134"/>
      <c r="H71" s="134"/>
      <c r="I71" s="134"/>
      <c r="J71" s="134"/>
      <c r="K71" s="134"/>
      <c r="L71" s="134"/>
      <c r="M71" s="134"/>
      <c r="N71" s="134"/>
      <c r="O71" s="134"/>
      <c r="P71" s="134"/>
    </row>
    <row r="72" spans="1:16" x14ac:dyDescent="0.25">
      <c r="A72" s="41" t="s">
        <v>5</v>
      </c>
      <c r="B72" s="138" t="s">
        <v>139</v>
      </c>
      <c r="C72" s="138"/>
      <c r="D72" s="138"/>
      <c r="E72" s="138"/>
      <c r="F72" s="138"/>
      <c r="G72" s="138"/>
      <c r="H72" s="138"/>
      <c r="I72" s="138"/>
      <c r="J72" s="138"/>
      <c r="K72" s="138"/>
      <c r="L72" s="138"/>
      <c r="M72" s="138"/>
      <c r="N72" s="138"/>
      <c r="O72" s="138"/>
      <c r="P72" s="138"/>
    </row>
    <row r="73" spans="1:16" s="53" customFormat="1" ht="25.5" customHeight="1" x14ac:dyDescent="0.25">
      <c r="A73" s="41" t="s">
        <v>5</v>
      </c>
      <c r="B73" s="134" t="s">
        <v>68</v>
      </c>
      <c r="C73" s="134"/>
      <c r="D73" s="134"/>
      <c r="E73" s="134"/>
      <c r="F73" s="134"/>
      <c r="G73" s="134"/>
      <c r="H73" s="134"/>
      <c r="I73" s="134"/>
      <c r="J73" s="134"/>
      <c r="K73" s="134"/>
      <c r="L73" s="134"/>
      <c r="M73" s="134"/>
      <c r="N73" s="134"/>
      <c r="O73" s="134"/>
      <c r="P73" s="134"/>
    </row>
    <row r="74" spans="1:16" s="53" customFormat="1" ht="12" customHeight="1" x14ac:dyDescent="0.25">
      <c r="A74" s="41" t="s">
        <v>5</v>
      </c>
      <c r="B74" s="134" t="s">
        <v>69</v>
      </c>
      <c r="C74" s="134"/>
      <c r="D74" s="134"/>
      <c r="E74" s="134"/>
      <c r="F74" s="134"/>
      <c r="G74" s="134"/>
      <c r="H74" s="134"/>
      <c r="I74" s="134"/>
      <c r="J74" s="134"/>
      <c r="K74" s="134"/>
      <c r="L74" s="134"/>
      <c r="M74" s="134"/>
      <c r="N74" s="134"/>
      <c r="O74" s="134"/>
      <c r="P74" s="134"/>
    </row>
    <row r="75" spans="1:16" s="53" customFormat="1" ht="37.5" customHeight="1" x14ac:dyDescent="0.25">
      <c r="A75" s="41" t="s">
        <v>5</v>
      </c>
      <c r="B75" s="134" t="s">
        <v>66</v>
      </c>
      <c r="C75" s="134"/>
      <c r="D75" s="134"/>
      <c r="E75" s="134"/>
      <c r="F75" s="134"/>
      <c r="G75" s="134"/>
      <c r="H75" s="134"/>
      <c r="I75" s="134"/>
      <c r="J75" s="134"/>
      <c r="K75" s="134"/>
      <c r="L75" s="134"/>
      <c r="M75" s="134"/>
      <c r="N75" s="134"/>
      <c r="O75" s="134"/>
      <c r="P75" s="134"/>
    </row>
    <row r="76" spans="1:16" s="53" customFormat="1" x14ac:dyDescent="0.25">
      <c r="A76" s="41" t="s">
        <v>5</v>
      </c>
      <c r="B76" s="135" t="s">
        <v>130</v>
      </c>
      <c r="C76" s="135"/>
      <c r="D76" s="135"/>
      <c r="E76" s="135"/>
      <c r="F76" s="135"/>
      <c r="G76" s="135"/>
      <c r="H76" s="135"/>
      <c r="I76" s="135"/>
      <c r="J76" s="135"/>
      <c r="K76" s="135"/>
      <c r="L76" s="135"/>
      <c r="M76" s="135"/>
      <c r="N76" s="135"/>
      <c r="O76" s="135"/>
      <c r="P76" s="135"/>
    </row>
    <row r="77" spans="1:16" ht="24" customHeight="1" x14ac:dyDescent="0.25">
      <c r="A77" s="41" t="s">
        <v>5</v>
      </c>
      <c r="B77" s="148" t="s">
        <v>131</v>
      </c>
      <c r="C77" s="148"/>
      <c r="D77" s="148"/>
      <c r="E77" s="148"/>
      <c r="F77" s="148"/>
      <c r="G77" s="148"/>
      <c r="H77" s="148"/>
      <c r="I77" s="148"/>
      <c r="J77" s="148"/>
      <c r="K77" s="148"/>
      <c r="L77" s="148"/>
      <c r="M77" s="148"/>
      <c r="N77" s="148"/>
      <c r="O77" s="148"/>
      <c r="P77" s="148"/>
    </row>
    <row r="78" spans="1:16" x14ac:dyDescent="0.25">
      <c r="A78" s="41" t="s">
        <v>5</v>
      </c>
      <c r="B78" s="136" t="s">
        <v>129</v>
      </c>
      <c r="C78" s="136"/>
      <c r="D78" s="136"/>
      <c r="E78" s="136"/>
      <c r="F78" s="136"/>
      <c r="G78" s="136"/>
      <c r="H78" s="136"/>
      <c r="I78" s="136"/>
      <c r="J78" s="136"/>
      <c r="K78" s="136"/>
      <c r="L78" s="136"/>
      <c r="M78" s="136"/>
      <c r="N78" s="136"/>
      <c r="O78" s="136"/>
      <c r="P78" s="136"/>
    </row>
    <row r="79" spans="1:16" s="53" customFormat="1" x14ac:dyDescent="0.25">
      <c r="A79" s="36" t="s">
        <v>5</v>
      </c>
      <c r="B79" s="147" t="s">
        <v>132</v>
      </c>
      <c r="C79" s="147"/>
      <c r="D79" s="147"/>
      <c r="E79" s="147"/>
      <c r="F79" s="147"/>
      <c r="G79" s="147"/>
      <c r="H79" s="147"/>
      <c r="I79" s="147"/>
      <c r="J79" s="147"/>
      <c r="K79" s="147"/>
      <c r="L79" s="147"/>
      <c r="M79" s="147"/>
      <c r="N79" s="147"/>
      <c r="O79" s="147"/>
      <c r="P79" s="147"/>
    </row>
    <row r="80" spans="1:16" s="49" customFormat="1" ht="12" customHeight="1" x14ac:dyDescent="0.25">
      <c r="A80" s="41" t="s">
        <v>5</v>
      </c>
      <c r="B80" s="147" t="s">
        <v>22</v>
      </c>
      <c r="C80" s="147"/>
      <c r="D80" s="147"/>
      <c r="E80" s="147"/>
      <c r="F80" s="147"/>
      <c r="G80" s="147"/>
      <c r="H80" s="147"/>
      <c r="I80" s="147"/>
      <c r="J80" s="147"/>
      <c r="K80" s="147"/>
      <c r="L80" s="147"/>
      <c r="M80" s="147"/>
      <c r="N80" s="147"/>
      <c r="O80" s="147"/>
      <c r="P80" s="85"/>
    </row>
    <row r="81" spans="1:256" x14ac:dyDescent="0.25">
      <c r="A81" s="41"/>
      <c r="B81" s="54"/>
      <c r="C81" s="54"/>
      <c r="D81" s="54"/>
      <c r="E81" s="54"/>
      <c r="F81" s="54"/>
      <c r="G81" s="54"/>
      <c r="H81" s="54"/>
      <c r="I81" s="54"/>
      <c r="J81" s="54"/>
      <c r="K81" s="54"/>
      <c r="L81" s="54"/>
      <c r="M81" s="54"/>
      <c r="N81" s="54"/>
      <c r="O81" s="54"/>
      <c r="P81" s="54"/>
    </row>
    <row r="82" spans="1:256" ht="11.25" customHeight="1" x14ac:dyDescent="0.25">
      <c r="A82" s="137" t="s">
        <v>134</v>
      </c>
      <c r="B82" s="137"/>
      <c r="C82" s="137"/>
      <c r="D82" s="137"/>
      <c r="E82" s="137"/>
      <c r="F82" s="137"/>
      <c r="G82" s="137"/>
      <c r="H82" s="137"/>
      <c r="I82" s="137"/>
      <c r="J82" s="137"/>
      <c r="K82" s="137"/>
      <c r="L82" s="137"/>
      <c r="M82" s="137"/>
      <c r="N82" s="137"/>
      <c r="O82" s="137"/>
      <c r="P82" s="137"/>
    </row>
    <row r="83" spans="1:256" x14ac:dyDescent="0.25">
      <c r="A83" s="41"/>
      <c r="B83" s="82" t="s">
        <v>115</v>
      </c>
      <c r="C83" s="107"/>
      <c r="D83" s="107"/>
      <c r="E83" s="107"/>
      <c r="F83" s="107"/>
      <c r="G83" s="107"/>
      <c r="H83" s="107"/>
      <c r="I83" s="107"/>
      <c r="J83" s="107"/>
      <c r="K83" s="107"/>
      <c r="L83" s="107"/>
      <c r="M83" s="107"/>
      <c r="N83" s="107"/>
      <c r="O83" s="107"/>
      <c r="P83" s="107"/>
    </row>
    <row r="84" spans="1:256" ht="8.25" customHeight="1" x14ac:dyDescent="0.25">
      <c r="A84" s="41"/>
      <c r="B84" s="81"/>
      <c r="C84" s="107"/>
      <c r="D84" s="107"/>
      <c r="E84" s="107"/>
      <c r="F84" s="107"/>
      <c r="G84" s="107"/>
      <c r="H84" s="107"/>
      <c r="I84" s="107"/>
      <c r="J84" s="107"/>
      <c r="K84" s="107"/>
      <c r="L84" s="107"/>
      <c r="M84" s="107"/>
      <c r="N84" s="107"/>
      <c r="O84" s="107"/>
      <c r="P84" s="107"/>
    </row>
    <row r="85" spans="1:256" ht="66.75" customHeight="1" x14ac:dyDescent="0.25">
      <c r="A85" s="41"/>
      <c r="B85" s="136" t="s">
        <v>232</v>
      </c>
      <c r="C85" s="136"/>
      <c r="D85" s="136"/>
      <c r="E85" s="136"/>
      <c r="F85" s="136"/>
      <c r="G85" s="136"/>
      <c r="H85" s="136"/>
      <c r="I85" s="136"/>
      <c r="J85" s="136"/>
      <c r="K85" s="136"/>
      <c r="L85" s="136"/>
      <c r="M85" s="136"/>
      <c r="N85" s="136"/>
      <c r="O85" s="136"/>
      <c r="P85" s="136"/>
    </row>
    <row r="86" spans="1:256" s="53" customFormat="1" x14ac:dyDescent="0.25">
      <c r="A86" s="55"/>
      <c r="B86" s="57"/>
      <c r="C86" s="57"/>
      <c r="D86" s="57"/>
      <c r="E86" s="57"/>
      <c r="F86" s="57"/>
      <c r="G86" s="57"/>
      <c r="H86" s="57"/>
      <c r="I86" s="57"/>
      <c r="J86" s="57"/>
      <c r="K86" s="57"/>
      <c r="L86" s="57"/>
      <c r="M86" s="57"/>
      <c r="N86" s="57"/>
      <c r="O86" s="57"/>
      <c r="P86" s="57"/>
    </row>
    <row r="87" spans="1:256" ht="12" customHeight="1" x14ac:dyDescent="0.25">
      <c r="A87" s="137" t="s">
        <v>27</v>
      </c>
      <c r="B87" s="137"/>
      <c r="C87" s="137"/>
      <c r="D87" s="137"/>
      <c r="E87" s="137"/>
      <c r="F87" s="137"/>
      <c r="G87" s="137"/>
      <c r="H87" s="137"/>
      <c r="I87" s="137"/>
      <c r="J87" s="137"/>
      <c r="K87" s="137"/>
      <c r="L87" s="137"/>
      <c r="M87" s="137"/>
      <c r="N87" s="137"/>
      <c r="O87" s="137"/>
      <c r="P87" s="137"/>
    </row>
    <row r="89" spans="1:256" ht="29.25" customHeight="1" x14ac:dyDescent="0.25">
      <c r="B89" s="140" t="s">
        <v>137</v>
      </c>
      <c r="C89" s="140"/>
      <c r="D89" s="129" t="s">
        <v>133</v>
      </c>
      <c r="E89" s="127"/>
      <c r="F89" s="127"/>
      <c r="G89" s="127"/>
      <c r="H89" s="127"/>
      <c r="I89" s="127"/>
      <c r="J89" s="127"/>
      <c r="K89" s="127"/>
      <c r="L89" s="127"/>
      <c r="M89" s="127"/>
      <c r="N89" s="127"/>
      <c r="O89" s="127"/>
    </row>
    <row r="90" spans="1:256" ht="14.4" x14ac:dyDescent="0.3">
      <c r="B90" s="157" t="s">
        <v>93</v>
      </c>
      <c r="C90" s="157"/>
      <c r="D90" s="111">
        <v>350</v>
      </c>
      <c r="E90" s="183"/>
      <c r="F90" s="183"/>
      <c r="G90" s="183"/>
      <c r="H90" s="183"/>
      <c r="I90" s="183"/>
      <c r="J90" s="183"/>
      <c r="K90" s="183"/>
      <c r="L90" s="183"/>
      <c r="M90" s="183"/>
      <c r="N90" s="183"/>
      <c r="O90" s="183"/>
    </row>
    <row r="92" spans="1:256" s="49" customFormat="1" ht="12" customHeight="1" x14ac:dyDescent="0.25">
      <c r="A92" s="137" t="s">
        <v>138</v>
      </c>
      <c r="B92" s="137"/>
      <c r="C92" s="137"/>
      <c r="D92" s="137"/>
      <c r="E92" s="137"/>
      <c r="F92" s="137"/>
      <c r="G92" s="137"/>
      <c r="H92" s="137"/>
      <c r="I92" s="137"/>
      <c r="J92" s="137"/>
      <c r="K92" s="137"/>
      <c r="L92" s="137"/>
      <c r="M92" s="137"/>
      <c r="N92" s="137"/>
      <c r="O92" s="137"/>
      <c r="P92" s="137"/>
      <c r="Q92" s="156" t="s">
        <v>27</v>
      </c>
      <c r="R92" s="156"/>
      <c r="S92" s="156"/>
      <c r="T92" s="156"/>
      <c r="U92" s="156"/>
      <c r="V92" s="156"/>
      <c r="W92" s="156"/>
      <c r="X92" s="156"/>
      <c r="Y92" s="156"/>
      <c r="Z92" s="156"/>
      <c r="AA92" s="156"/>
      <c r="AB92" s="156"/>
      <c r="AC92" s="156"/>
      <c r="AD92" s="156"/>
      <c r="AE92" s="156"/>
      <c r="AF92" s="156"/>
      <c r="AG92" s="156" t="s">
        <v>27</v>
      </c>
      <c r="AH92" s="156"/>
      <c r="AI92" s="156"/>
      <c r="AJ92" s="156"/>
      <c r="AK92" s="156"/>
      <c r="AL92" s="156"/>
      <c r="AM92" s="156"/>
      <c r="AN92" s="156"/>
      <c r="AO92" s="156"/>
      <c r="AP92" s="156"/>
      <c r="AQ92" s="156"/>
      <c r="AR92" s="156"/>
      <c r="AS92" s="156"/>
      <c r="AT92" s="156"/>
      <c r="AU92" s="156"/>
      <c r="AV92" s="156"/>
      <c r="AW92" s="156" t="s">
        <v>27</v>
      </c>
      <c r="AX92" s="156"/>
      <c r="AY92" s="156"/>
      <c r="AZ92" s="156"/>
      <c r="BA92" s="156"/>
      <c r="BB92" s="156"/>
      <c r="BC92" s="156"/>
      <c r="BD92" s="156"/>
      <c r="BE92" s="156"/>
      <c r="BF92" s="156"/>
      <c r="BG92" s="156"/>
      <c r="BH92" s="156"/>
      <c r="BI92" s="156"/>
      <c r="BJ92" s="156"/>
      <c r="BK92" s="156"/>
      <c r="BL92" s="156"/>
      <c r="BM92" s="156" t="s">
        <v>27</v>
      </c>
      <c r="BN92" s="156"/>
      <c r="BO92" s="156"/>
      <c r="BP92" s="156"/>
      <c r="BQ92" s="156"/>
      <c r="BR92" s="156"/>
      <c r="BS92" s="156"/>
      <c r="BT92" s="156"/>
      <c r="BU92" s="156"/>
      <c r="BV92" s="156"/>
      <c r="BW92" s="156"/>
      <c r="BX92" s="156"/>
      <c r="BY92" s="156"/>
      <c r="BZ92" s="156"/>
      <c r="CA92" s="156"/>
      <c r="CB92" s="156"/>
      <c r="CC92" s="156" t="s">
        <v>27</v>
      </c>
      <c r="CD92" s="156"/>
      <c r="CE92" s="156"/>
      <c r="CF92" s="156"/>
      <c r="CG92" s="156"/>
      <c r="CH92" s="156"/>
      <c r="CI92" s="156"/>
      <c r="CJ92" s="156"/>
      <c r="CK92" s="156"/>
      <c r="CL92" s="156"/>
      <c r="CM92" s="156"/>
      <c r="CN92" s="156"/>
      <c r="CO92" s="156"/>
      <c r="CP92" s="156"/>
      <c r="CQ92" s="156"/>
      <c r="CR92" s="156"/>
      <c r="CS92" s="156" t="s">
        <v>27</v>
      </c>
      <c r="CT92" s="156"/>
      <c r="CU92" s="156"/>
      <c r="CV92" s="156"/>
      <c r="CW92" s="156"/>
      <c r="CX92" s="156"/>
      <c r="CY92" s="156"/>
      <c r="CZ92" s="156"/>
      <c r="DA92" s="156"/>
      <c r="DB92" s="156"/>
      <c r="DC92" s="156"/>
      <c r="DD92" s="156"/>
      <c r="DE92" s="156"/>
      <c r="DF92" s="156"/>
      <c r="DG92" s="156"/>
      <c r="DH92" s="156"/>
      <c r="DI92" s="156" t="s">
        <v>27</v>
      </c>
      <c r="DJ92" s="156"/>
      <c r="DK92" s="156"/>
      <c r="DL92" s="156"/>
      <c r="DM92" s="156"/>
      <c r="DN92" s="156"/>
      <c r="DO92" s="156"/>
      <c r="DP92" s="156"/>
      <c r="DQ92" s="156"/>
      <c r="DR92" s="156"/>
      <c r="DS92" s="156"/>
      <c r="DT92" s="156"/>
      <c r="DU92" s="156"/>
      <c r="DV92" s="156"/>
      <c r="DW92" s="156"/>
      <c r="DX92" s="156"/>
      <c r="DY92" s="156" t="s">
        <v>27</v>
      </c>
      <c r="DZ92" s="156"/>
      <c r="EA92" s="156"/>
      <c r="EB92" s="156"/>
      <c r="EC92" s="156"/>
      <c r="ED92" s="156"/>
      <c r="EE92" s="156"/>
      <c r="EF92" s="156"/>
      <c r="EG92" s="156"/>
      <c r="EH92" s="156"/>
      <c r="EI92" s="156"/>
      <c r="EJ92" s="156"/>
      <c r="EK92" s="156"/>
      <c r="EL92" s="156"/>
      <c r="EM92" s="156"/>
      <c r="EN92" s="156"/>
      <c r="EO92" s="156" t="s">
        <v>27</v>
      </c>
      <c r="EP92" s="156"/>
      <c r="EQ92" s="156"/>
      <c r="ER92" s="156"/>
      <c r="ES92" s="156"/>
      <c r="ET92" s="156"/>
      <c r="EU92" s="156"/>
      <c r="EV92" s="156"/>
      <c r="EW92" s="156"/>
      <c r="EX92" s="156"/>
      <c r="EY92" s="156"/>
      <c r="EZ92" s="156"/>
      <c r="FA92" s="156"/>
      <c r="FB92" s="156"/>
      <c r="FC92" s="156"/>
      <c r="FD92" s="156"/>
      <c r="FE92" s="156" t="s">
        <v>27</v>
      </c>
      <c r="FF92" s="156"/>
      <c r="FG92" s="156"/>
      <c r="FH92" s="156"/>
      <c r="FI92" s="156"/>
      <c r="FJ92" s="156"/>
      <c r="FK92" s="156"/>
      <c r="FL92" s="156"/>
      <c r="FM92" s="156"/>
      <c r="FN92" s="156"/>
      <c r="FO92" s="156"/>
      <c r="FP92" s="156"/>
      <c r="FQ92" s="156"/>
      <c r="FR92" s="156"/>
      <c r="FS92" s="156"/>
      <c r="FT92" s="156"/>
      <c r="FU92" s="156" t="s">
        <v>27</v>
      </c>
      <c r="FV92" s="156"/>
      <c r="FW92" s="156"/>
      <c r="FX92" s="156"/>
      <c r="FY92" s="156"/>
      <c r="FZ92" s="156"/>
      <c r="GA92" s="156"/>
      <c r="GB92" s="156"/>
      <c r="GC92" s="156"/>
      <c r="GD92" s="156"/>
      <c r="GE92" s="156"/>
      <c r="GF92" s="156"/>
      <c r="GG92" s="156"/>
      <c r="GH92" s="156"/>
      <c r="GI92" s="156"/>
      <c r="GJ92" s="156"/>
      <c r="GK92" s="156" t="s">
        <v>27</v>
      </c>
      <c r="GL92" s="156"/>
      <c r="GM92" s="156"/>
      <c r="GN92" s="156"/>
      <c r="GO92" s="156"/>
      <c r="GP92" s="156"/>
      <c r="GQ92" s="156"/>
      <c r="GR92" s="156"/>
      <c r="GS92" s="156"/>
      <c r="GT92" s="156"/>
      <c r="GU92" s="156"/>
      <c r="GV92" s="156"/>
      <c r="GW92" s="156"/>
      <c r="GX92" s="156"/>
      <c r="GY92" s="156"/>
      <c r="GZ92" s="156"/>
      <c r="HA92" s="156" t="s">
        <v>27</v>
      </c>
      <c r="HB92" s="156"/>
      <c r="HC92" s="156"/>
      <c r="HD92" s="156"/>
      <c r="HE92" s="156"/>
      <c r="HF92" s="156"/>
      <c r="HG92" s="156"/>
      <c r="HH92" s="156"/>
      <c r="HI92" s="156"/>
      <c r="HJ92" s="156"/>
      <c r="HK92" s="156"/>
      <c r="HL92" s="156"/>
      <c r="HM92" s="156"/>
      <c r="HN92" s="156"/>
      <c r="HO92" s="156"/>
      <c r="HP92" s="156"/>
      <c r="HQ92" s="156" t="s">
        <v>27</v>
      </c>
      <c r="HR92" s="156"/>
      <c r="HS92" s="156"/>
      <c r="HT92" s="156"/>
      <c r="HU92" s="156"/>
      <c r="HV92" s="156"/>
      <c r="HW92" s="156"/>
      <c r="HX92" s="156"/>
      <c r="HY92" s="156"/>
      <c r="HZ92" s="156"/>
      <c r="IA92" s="156"/>
      <c r="IB92" s="156"/>
      <c r="IC92" s="156"/>
      <c r="ID92" s="156"/>
      <c r="IE92" s="156"/>
      <c r="IF92" s="156"/>
      <c r="IG92" s="156" t="s">
        <v>27</v>
      </c>
      <c r="IH92" s="156"/>
      <c r="II92" s="156"/>
      <c r="IJ92" s="156"/>
      <c r="IK92" s="156"/>
      <c r="IL92" s="156"/>
      <c r="IM92" s="156"/>
      <c r="IN92" s="156"/>
      <c r="IO92" s="156"/>
      <c r="IP92" s="156"/>
      <c r="IQ92" s="156"/>
      <c r="IR92" s="156"/>
      <c r="IS92" s="156"/>
      <c r="IT92" s="156"/>
      <c r="IU92" s="156"/>
      <c r="IV92" s="156"/>
    </row>
    <row r="93" spans="1:256" x14ac:dyDescent="0.25">
      <c r="A93" s="26" t="s">
        <v>5</v>
      </c>
      <c r="B93" s="106" t="s">
        <v>31</v>
      </c>
    </row>
    <row r="165" spans="1:256" s="26" customFormat="1" x14ac:dyDescent="0.25">
      <c r="A165" s="63"/>
      <c r="B165" s="63"/>
      <c r="C165" s="63"/>
      <c r="D165" s="63"/>
      <c r="E165" s="63"/>
      <c r="F165" s="63"/>
      <c r="G165" s="63"/>
      <c r="H165" s="63"/>
      <c r="I165" s="63"/>
      <c r="K165" s="28"/>
      <c r="L165" s="28"/>
      <c r="M165" s="28"/>
      <c r="N165" s="28"/>
      <c r="O165" s="28"/>
      <c r="P165" s="28"/>
      <c r="Q165" s="28"/>
      <c r="R165" s="28"/>
      <c r="S165" s="28"/>
      <c r="T165" s="28"/>
      <c r="U165" s="28"/>
      <c r="V165" s="28"/>
      <c r="W165" s="28"/>
      <c r="X165" s="28"/>
      <c r="Y165" s="28"/>
      <c r="Z165" s="28"/>
      <c r="AA165" s="28"/>
      <c r="AB165" s="28"/>
      <c r="AC165" s="28"/>
      <c r="AD165" s="28"/>
      <c r="AE165" s="28"/>
      <c r="AF165" s="28"/>
      <c r="AG165" s="28"/>
      <c r="AH165" s="28"/>
      <c r="AI165" s="28"/>
      <c r="AJ165" s="28"/>
      <c r="AK165" s="28"/>
      <c r="AL165" s="28"/>
      <c r="AM165" s="28"/>
      <c r="AN165" s="28"/>
      <c r="AO165" s="28"/>
      <c r="AP165" s="28"/>
      <c r="AQ165" s="28"/>
      <c r="AR165" s="28"/>
      <c r="AS165" s="28"/>
      <c r="AT165" s="28"/>
      <c r="AU165" s="28"/>
      <c r="AV165" s="28"/>
      <c r="AW165" s="28"/>
      <c r="AX165" s="28"/>
      <c r="AY165" s="28"/>
      <c r="AZ165" s="28"/>
      <c r="BA165" s="28"/>
      <c r="BB165" s="28"/>
      <c r="BC165" s="28"/>
      <c r="BD165" s="28"/>
      <c r="BE165" s="28"/>
      <c r="BF165" s="28"/>
      <c r="BG165" s="28"/>
      <c r="BH165" s="28"/>
      <c r="BI165" s="28"/>
      <c r="BJ165" s="28"/>
      <c r="BK165" s="28"/>
      <c r="BL165" s="28"/>
      <c r="BM165" s="28"/>
      <c r="BN165" s="28"/>
      <c r="BO165" s="28"/>
      <c r="BP165" s="28"/>
      <c r="BQ165" s="28"/>
      <c r="BR165" s="28"/>
      <c r="BS165" s="28"/>
      <c r="BT165" s="28"/>
      <c r="BU165" s="28"/>
      <c r="BV165" s="28"/>
      <c r="BW165" s="28"/>
      <c r="BX165" s="28"/>
      <c r="BY165" s="28"/>
      <c r="BZ165" s="28"/>
      <c r="CA165" s="28"/>
      <c r="CB165" s="28"/>
      <c r="CC165" s="28"/>
      <c r="CD165" s="28"/>
      <c r="CE165" s="28"/>
      <c r="CF165" s="28"/>
      <c r="CG165" s="28"/>
      <c r="CH165" s="28"/>
      <c r="CI165" s="28"/>
      <c r="CJ165" s="28"/>
      <c r="CK165" s="28"/>
      <c r="CL165" s="28"/>
      <c r="CM165" s="28"/>
      <c r="CN165" s="28"/>
      <c r="CO165" s="28"/>
      <c r="CP165" s="28"/>
      <c r="CQ165" s="28"/>
      <c r="CR165" s="28"/>
      <c r="CS165" s="28"/>
      <c r="CT165" s="28"/>
      <c r="CU165" s="28"/>
      <c r="CV165" s="28"/>
      <c r="CW165" s="28"/>
      <c r="CX165" s="28"/>
      <c r="CY165" s="28"/>
      <c r="CZ165" s="28"/>
      <c r="DA165" s="28"/>
      <c r="DB165" s="28"/>
      <c r="DC165" s="28"/>
      <c r="DD165" s="28"/>
      <c r="DE165" s="28"/>
      <c r="DF165" s="28"/>
      <c r="DG165" s="28"/>
      <c r="DH165" s="28"/>
      <c r="DI165" s="28"/>
      <c r="DJ165" s="28"/>
      <c r="DK165" s="28"/>
      <c r="DL165" s="28"/>
      <c r="DM165" s="28"/>
      <c r="DN165" s="28"/>
      <c r="DO165" s="28"/>
      <c r="DP165" s="28"/>
      <c r="DQ165" s="28"/>
      <c r="DR165" s="28"/>
      <c r="DS165" s="28"/>
      <c r="DT165" s="28"/>
      <c r="DU165" s="28"/>
      <c r="DV165" s="28"/>
      <c r="DW165" s="28"/>
      <c r="DX165" s="28"/>
      <c r="DY165" s="28"/>
      <c r="DZ165" s="28"/>
      <c r="EA165" s="28"/>
      <c r="EB165" s="28"/>
      <c r="EC165" s="28"/>
      <c r="ED165" s="28"/>
      <c r="EE165" s="28"/>
      <c r="EF165" s="28"/>
      <c r="EG165" s="28"/>
      <c r="EH165" s="28"/>
      <c r="EI165" s="28"/>
      <c r="EJ165" s="28"/>
      <c r="EK165" s="28"/>
      <c r="EL165" s="28"/>
      <c r="EM165" s="28"/>
      <c r="EN165" s="28"/>
      <c r="EO165" s="28"/>
      <c r="EP165" s="28"/>
      <c r="EQ165" s="28"/>
      <c r="ER165" s="28"/>
      <c r="ES165" s="28"/>
      <c r="ET165" s="28"/>
      <c r="EU165" s="28"/>
      <c r="EV165" s="28"/>
      <c r="EW165" s="28"/>
      <c r="EX165" s="28"/>
      <c r="EY165" s="28"/>
      <c r="EZ165" s="28"/>
      <c r="FA165" s="28"/>
      <c r="FB165" s="28"/>
      <c r="FC165" s="28"/>
      <c r="FD165" s="28"/>
      <c r="FE165" s="28"/>
      <c r="FF165" s="28"/>
      <c r="FG165" s="28"/>
      <c r="FH165" s="28"/>
      <c r="FI165" s="28"/>
      <c r="FJ165" s="28"/>
      <c r="FK165" s="28"/>
      <c r="FL165" s="28"/>
      <c r="FM165" s="28"/>
      <c r="FN165" s="28"/>
      <c r="FO165" s="28"/>
      <c r="FP165" s="28"/>
      <c r="FQ165" s="28"/>
      <c r="FR165" s="28"/>
      <c r="FS165" s="28"/>
      <c r="FT165" s="28"/>
      <c r="FU165" s="28"/>
      <c r="FV165" s="28"/>
      <c r="FW165" s="28"/>
      <c r="FX165" s="28"/>
      <c r="FY165" s="28"/>
      <c r="FZ165" s="28"/>
      <c r="GA165" s="28"/>
      <c r="GB165" s="28"/>
      <c r="GC165" s="28"/>
      <c r="GD165" s="28"/>
      <c r="GE165" s="28"/>
      <c r="GF165" s="28"/>
      <c r="GG165" s="28"/>
      <c r="GH165" s="28"/>
      <c r="GI165" s="28"/>
      <c r="GJ165" s="28"/>
      <c r="GK165" s="28"/>
      <c r="GL165" s="28"/>
      <c r="GM165" s="28"/>
      <c r="GN165" s="28"/>
      <c r="GO165" s="28"/>
      <c r="GP165" s="28"/>
      <c r="GQ165" s="28"/>
      <c r="GR165" s="28"/>
      <c r="GS165" s="28"/>
      <c r="GT165" s="28"/>
      <c r="GU165" s="28"/>
      <c r="GV165" s="28"/>
      <c r="GW165" s="28"/>
      <c r="GX165" s="28"/>
      <c r="GY165" s="28"/>
      <c r="GZ165" s="28"/>
      <c r="HA165" s="28"/>
      <c r="HB165" s="28"/>
      <c r="HC165" s="28"/>
      <c r="HD165" s="28"/>
      <c r="HE165" s="28"/>
      <c r="HF165" s="28"/>
      <c r="HG165" s="28"/>
      <c r="HH165" s="28"/>
      <c r="HI165" s="28"/>
      <c r="HJ165" s="28"/>
      <c r="HK165" s="28"/>
      <c r="HL165" s="28"/>
      <c r="HM165" s="28"/>
      <c r="HN165" s="28"/>
      <c r="HO165" s="28"/>
      <c r="HP165" s="28"/>
      <c r="HQ165" s="28"/>
      <c r="HR165" s="28"/>
      <c r="HS165" s="28"/>
      <c r="HT165" s="28"/>
      <c r="HU165" s="28"/>
      <c r="HV165" s="28"/>
      <c r="HW165" s="28"/>
      <c r="HX165" s="28"/>
      <c r="HY165" s="28"/>
      <c r="HZ165" s="28"/>
      <c r="IA165" s="28"/>
      <c r="IB165" s="28"/>
      <c r="IC165" s="28"/>
      <c r="ID165" s="28"/>
      <c r="IE165" s="28"/>
      <c r="IF165" s="28"/>
      <c r="IG165" s="28"/>
      <c r="IH165" s="28"/>
      <c r="II165" s="28"/>
      <c r="IJ165" s="28"/>
      <c r="IK165" s="28"/>
      <c r="IL165" s="28"/>
      <c r="IM165" s="28"/>
      <c r="IN165" s="28"/>
      <c r="IO165" s="28"/>
      <c r="IP165" s="28"/>
      <c r="IQ165" s="28"/>
      <c r="IR165" s="28"/>
      <c r="IS165" s="28"/>
      <c r="IT165" s="28"/>
      <c r="IU165" s="28"/>
      <c r="IV165" s="28"/>
    </row>
  </sheetData>
  <mergeCells count="68">
    <mergeCell ref="C56:F56"/>
    <mergeCell ref="B39:C39"/>
    <mergeCell ref="B32:N32"/>
    <mergeCell ref="B33:N33"/>
    <mergeCell ref="N34:P34"/>
    <mergeCell ref="C52:F52"/>
    <mergeCell ref="C54:G54"/>
    <mergeCell ref="C41:F41"/>
    <mergeCell ref="C43:G43"/>
    <mergeCell ref="C45:G45"/>
    <mergeCell ref="C47:F47"/>
    <mergeCell ref="C50:G50"/>
    <mergeCell ref="C44:J44"/>
    <mergeCell ref="C46:J46"/>
    <mergeCell ref="C48:J48"/>
    <mergeCell ref="C42:J42"/>
    <mergeCell ref="B74:P74"/>
    <mergeCell ref="B75:P75"/>
    <mergeCell ref="A4:P4"/>
    <mergeCell ref="A9:P9"/>
    <mergeCell ref="B12:M12"/>
    <mergeCell ref="B18:L18"/>
    <mergeCell ref="B21:M21"/>
    <mergeCell ref="C51:J51"/>
    <mergeCell ref="C57:J57"/>
    <mergeCell ref="C53:J53"/>
    <mergeCell ref="C55:J55"/>
    <mergeCell ref="B22:M22"/>
    <mergeCell ref="A38:P38"/>
    <mergeCell ref="A25:P25"/>
    <mergeCell ref="B29:M29"/>
    <mergeCell ref="B30:M30"/>
    <mergeCell ref="B73:P73"/>
    <mergeCell ref="B59:P59"/>
    <mergeCell ref="B60:P60"/>
    <mergeCell ref="B61:P61"/>
    <mergeCell ref="B65:P65"/>
    <mergeCell ref="B67:P67"/>
    <mergeCell ref="B68:P68"/>
    <mergeCell ref="A70:P70"/>
    <mergeCell ref="B71:P71"/>
    <mergeCell ref="B72:P72"/>
    <mergeCell ref="B76:P76"/>
    <mergeCell ref="B77:P77"/>
    <mergeCell ref="B78:P78"/>
    <mergeCell ref="CC92:CR92"/>
    <mergeCell ref="B85:P85"/>
    <mergeCell ref="A87:P87"/>
    <mergeCell ref="B89:C89"/>
    <mergeCell ref="B90:C90"/>
    <mergeCell ref="A92:P92"/>
    <mergeCell ref="Q92:AF92"/>
    <mergeCell ref="AG92:AV92"/>
    <mergeCell ref="AW92:BL92"/>
    <mergeCell ref="BM92:CB92"/>
    <mergeCell ref="B79:P79"/>
    <mergeCell ref="B80:O80"/>
    <mergeCell ref="A82:P82"/>
    <mergeCell ref="GK92:GZ92"/>
    <mergeCell ref="HA92:HP92"/>
    <mergeCell ref="HQ92:IF92"/>
    <mergeCell ref="IG92:IV92"/>
    <mergeCell ref="CS92:DH92"/>
    <mergeCell ref="DI92:DX92"/>
    <mergeCell ref="DY92:EN92"/>
    <mergeCell ref="EO92:FD92"/>
    <mergeCell ref="FE92:FT92"/>
    <mergeCell ref="FU92:GJ92"/>
  </mergeCells>
  <printOptions horizontalCentered="1" verticalCentered="1"/>
  <pageMargins left="0.78740157480314965" right="0.78740157480314965" top="0.15748031496062992" bottom="0.51181102362204722" header="0" footer="0"/>
  <pageSetup paperSize="9" scale="61" orientation="portrait" r:id="rId1"/>
  <headerFooter alignWithMargins="0">
    <oddFooter>&amp;C&amp;8SEGURO VEHICULAR TODO RIESGO EMPRESAS - LIMA - MAYO 2013&amp;R&amp;8&amp;P</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5">
    <pageSetUpPr fitToPage="1"/>
  </sheetPr>
  <dimension ref="A3:IV170"/>
  <sheetViews>
    <sheetView showGridLines="0" topLeftCell="A79" workbookViewId="0">
      <selection activeCell="D88" sqref="D88:D89"/>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204</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50" t="s">
        <v>70</v>
      </c>
      <c r="C12" s="150"/>
      <c r="D12" s="150"/>
      <c r="E12" s="150"/>
      <c r="F12" s="150"/>
      <c r="G12" s="150"/>
      <c r="H12" s="150"/>
      <c r="I12" s="150"/>
      <c r="J12" s="150"/>
      <c r="K12" s="150"/>
      <c r="L12" s="150"/>
      <c r="M12" s="150"/>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8" t="s">
        <v>13</v>
      </c>
      <c r="C18" s="138"/>
      <c r="D18" s="138"/>
      <c r="E18" s="138"/>
      <c r="F18" s="138"/>
      <c r="G18" s="138"/>
      <c r="H18" s="138"/>
      <c r="I18" s="138"/>
      <c r="J18" s="138"/>
      <c r="K18" s="138"/>
      <c r="L18" s="138"/>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34" t="s">
        <v>91</v>
      </c>
      <c r="C22" s="134"/>
      <c r="D22" s="134"/>
      <c r="E22" s="134"/>
      <c r="F22" s="134"/>
      <c r="G22" s="134"/>
      <c r="H22" s="134"/>
      <c r="I22" s="134"/>
      <c r="J22" s="134"/>
      <c r="K22" s="134"/>
      <c r="L22" s="134"/>
      <c r="M22" s="134"/>
      <c r="N22" s="46"/>
      <c r="O22" s="42">
        <v>50000</v>
      </c>
    </row>
    <row r="23" spans="1:16" x14ac:dyDescent="0.25">
      <c r="A23" s="26" t="s">
        <v>5</v>
      </c>
      <c r="B23" s="45" t="s">
        <v>16</v>
      </c>
      <c r="I23" s="28"/>
      <c r="O23" s="36" t="s">
        <v>7</v>
      </c>
    </row>
    <row r="25" spans="1:16" ht="12" customHeight="1" x14ac:dyDescent="0.25">
      <c r="A25" s="137" t="s">
        <v>17</v>
      </c>
      <c r="B25" s="137"/>
      <c r="C25" s="137"/>
      <c r="D25" s="137"/>
      <c r="E25" s="137"/>
      <c r="F25" s="137"/>
      <c r="G25" s="137"/>
      <c r="H25" s="137"/>
      <c r="I25" s="137"/>
      <c r="J25" s="137"/>
      <c r="K25" s="137"/>
      <c r="L25" s="137"/>
      <c r="M25" s="137"/>
      <c r="N25" s="137"/>
      <c r="O25" s="137"/>
      <c r="P25" s="137"/>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6</v>
      </c>
      <c r="I28" s="28"/>
      <c r="O28" s="50" t="s">
        <v>82</v>
      </c>
    </row>
    <row r="29" spans="1:16" x14ac:dyDescent="0.25">
      <c r="A29" s="41" t="s">
        <v>5</v>
      </c>
      <c r="B29" s="152" t="s">
        <v>127</v>
      </c>
      <c r="C29" s="152"/>
      <c r="D29" s="152"/>
      <c r="E29" s="152"/>
      <c r="F29" s="152"/>
      <c r="G29" s="152"/>
      <c r="H29" s="152"/>
      <c r="I29" s="152"/>
      <c r="J29" s="152"/>
      <c r="K29" s="152"/>
      <c r="L29" s="152"/>
      <c r="M29" s="152"/>
      <c r="N29" s="51"/>
      <c r="O29" s="73" t="s">
        <v>82</v>
      </c>
      <c r="P29" s="51"/>
    </row>
    <row r="30" spans="1:16" ht="12" customHeight="1" x14ac:dyDescent="0.25">
      <c r="A30" s="41" t="s">
        <v>5</v>
      </c>
      <c r="B30" s="148" t="s">
        <v>128</v>
      </c>
      <c r="C30" s="148"/>
      <c r="D30" s="148"/>
      <c r="E30" s="148"/>
      <c r="F30" s="148"/>
      <c r="G30" s="148"/>
      <c r="H30" s="148"/>
      <c r="I30" s="148"/>
      <c r="J30" s="148"/>
      <c r="K30" s="148"/>
      <c r="L30" s="148"/>
      <c r="M30" s="148"/>
      <c r="N30" s="84"/>
      <c r="O30" s="73" t="s">
        <v>82</v>
      </c>
      <c r="P30" s="84"/>
    </row>
    <row r="31" spans="1:16" x14ac:dyDescent="0.25">
      <c r="A31" s="41" t="s">
        <v>5</v>
      </c>
      <c r="B31" s="64" t="s">
        <v>125</v>
      </c>
      <c r="C31" s="65"/>
      <c r="D31" s="50"/>
      <c r="E31" s="50"/>
      <c r="F31" s="50"/>
      <c r="G31" s="50"/>
      <c r="H31" s="50"/>
      <c r="I31" s="49"/>
      <c r="J31" s="50"/>
      <c r="K31" s="49"/>
      <c r="L31" s="49"/>
      <c r="M31" s="49"/>
      <c r="N31" s="49"/>
      <c r="O31" s="50" t="s">
        <v>82</v>
      </c>
    </row>
    <row r="32" spans="1:16" ht="12" customHeight="1" x14ac:dyDescent="0.25">
      <c r="A32" s="41"/>
      <c r="B32" s="154" t="s">
        <v>110</v>
      </c>
      <c r="C32" s="154"/>
      <c r="D32" s="154"/>
      <c r="E32" s="154"/>
      <c r="F32" s="154"/>
      <c r="G32" s="154"/>
      <c r="H32" s="154"/>
      <c r="I32" s="154"/>
      <c r="J32" s="154"/>
      <c r="K32" s="154"/>
      <c r="L32" s="154"/>
      <c r="M32" s="154"/>
      <c r="N32" s="154"/>
      <c r="O32" s="66"/>
    </row>
    <row r="33" spans="1:16" ht="12" customHeight="1" x14ac:dyDescent="0.25">
      <c r="A33" s="41"/>
      <c r="B33" s="153" t="s">
        <v>81</v>
      </c>
      <c r="C33" s="153"/>
      <c r="D33" s="153"/>
      <c r="E33" s="153"/>
      <c r="F33" s="153"/>
      <c r="G33" s="153"/>
      <c r="H33" s="153"/>
      <c r="I33" s="153"/>
      <c r="J33" s="153"/>
      <c r="K33" s="153"/>
      <c r="L33" s="153"/>
      <c r="M33" s="153"/>
      <c r="N33" s="153"/>
      <c r="O33" s="66"/>
    </row>
    <row r="34" spans="1:16" ht="24" customHeight="1" x14ac:dyDescent="0.25">
      <c r="A34" s="36" t="s">
        <v>5</v>
      </c>
      <c r="B34" s="67" t="s">
        <v>124</v>
      </c>
      <c r="C34" s="50"/>
      <c r="D34" s="50"/>
      <c r="E34" s="50"/>
      <c r="F34" s="50"/>
      <c r="G34" s="50"/>
      <c r="H34" s="50"/>
      <c r="I34" s="49"/>
      <c r="J34" s="50"/>
      <c r="K34" s="49"/>
      <c r="L34" s="49"/>
      <c r="M34" s="49"/>
      <c r="N34" s="151" t="s">
        <v>233</v>
      </c>
      <c r="O34" s="151"/>
      <c r="P34" s="151"/>
    </row>
    <row r="35" spans="1:16" x14ac:dyDescent="0.25">
      <c r="A35" s="36" t="s">
        <v>5</v>
      </c>
      <c r="B35" s="67" t="s">
        <v>123</v>
      </c>
      <c r="C35" s="50"/>
      <c r="D35" s="50"/>
      <c r="E35" s="50"/>
      <c r="F35" s="50"/>
      <c r="G35" s="50"/>
      <c r="H35" s="50"/>
      <c r="I35" s="49"/>
      <c r="J35" s="50"/>
      <c r="K35" s="49"/>
      <c r="L35" s="49"/>
      <c r="M35" s="49"/>
      <c r="N35" s="51"/>
      <c r="O35" s="50" t="s">
        <v>82</v>
      </c>
      <c r="P35" s="51"/>
    </row>
    <row r="36" spans="1:16" x14ac:dyDescent="0.25">
      <c r="A36" s="36"/>
      <c r="B36" s="68" t="s">
        <v>280</v>
      </c>
      <c r="C36" s="50"/>
      <c r="D36" s="50"/>
      <c r="E36" s="50"/>
      <c r="F36" s="50"/>
      <c r="G36" s="50"/>
      <c r="H36" s="50"/>
      <c r="I36" s="49"/>
      <c r="J36" s="50"/>
      <c r="K36" s="49"/>
      <c r="L36" s="49"/>
      <c r="M36" s="49"/>
      <c r="N36" s="51"/>
      <c r="O36" s="51"/>
      <c r="P36" s="51"/>
    </row>
    <row r="37" spans="1:16" x14ac:dyDescent="0.25">
      <c r="I37" s="48"/>
    </row>
    <row r="38" spans="1:16" ht="12" customHeight="1" x14ac:dyDescent="0.25">
      <c r="A38" s="137" t="s">
        <v>20</v>
      </c>
      <c r="B38" s="137"/>
      <c r="C38" s="137"/>
      <c r="D38" s="137"/>
      <c r="E38" s="137"/>
      <c r="F38" s="137"/>
      <c r="G38" s="137"/>
      <c r="H38" s="137"/>
      <c r="I38" s="137"/>
      <c r="J38" s="137"/>
      <c r="K38" s="137"/>
      <c r="L38" s="137"/>
      <c r="M38" s="137"/>
      <c r="N38" s="137"/>
      <c r="O38" s="137"/>
      <c r="P38" s="137"/>
    </row>
    <row r="39" spans="1:16" ht="12" customHeight="1" x14ac:dyDescent="0.25">
      <c r="A39" s="119" t="s">
        <v>221</v>
      </c>
      <c r="B39" s="155" t="s">
        <v>220</v>
      </c>
      <c r="C39" s="155"/>
      <c r="D39" s="114"/>
      <c r="E39" s="114"/>
      <c r="F39" s="114"/>
      <c r="G39" s="114"/>
      <c r="H39" s="114"/>
      <c r="I39" s="114"/>
      <c r="J39" s="114"/>
      <c r="K39" s="114"/>
      <c r="L39" s="114"/>
      <c r="M39" s="114"/>
      <c r="N39" s="114"/>
      <c r="O39" s="114"/>
      <c r="P39" s="114"/>
    </row>
    <row r="40" spans="1:16" ht="12" customHeight="1" x14ac:dyDescent="0.25">
      <c r="A40" s="49"/>
      <c r="B40" s="117" t="s">
        <v>219</v>
      </c>
      <c r="C40" s="117"/>
      <c r="D40" s="117"/>
      <c r="E40" s="117"/>
      <c r="F40" s="117"/>
      <c r="G40" s="117"/>
      <c r="H40" s="117"/>
      <c r="I40" s="116"/>
      <c r="J40" s="116"/>
      <c r="K40" s="116"/>
      <c r="L40" s="116"/>
      <c r="M40" s="116"/>
      <c r="N40" s="116"/>
      <c r="O40" s="114"/>
      <c r="P40" s="114"/>
    </row>
    <row r="41" spans="1:16" ht="12" customHeight="1" x14ac:dyDescent="0.25">
      <c r="A41" s="28"/>
      <c r="B41" s="41" t="s">
        <v>5</v>
      </c>
      <c r="C41" s="138" t="s">
        <v>192</v>
      </c>
      <c r="D41" s="138"/>
      <c r="E41" s="138"/>
      <c r="F41" s="138"/>
      <c r="G41" s="118"/>
      <c r="H41" s="118"/>
      <c r="I41" s="118"/>
      <c r="J41" s="118"/>
      <c r="K41" s="118"/>
      <c r="L41" s="118"/>
      <c r="M41" s="118"/>
      <c r="N41" s="115"/>
    </row>
    <row r="42" spans="1:16" ht="12" customHeight="1" x14ac:dyDescent="0.25">
      <c r="A42" s="41"/>
      <c r="B42" s="28"/>
      <c r="C42" s="138" t="s">
        <v>224</v>
      </c>
      <c r="D42" s="138"/>
      <c r="E42" s="138"/>
      <c r="F42" s="138"/>
      <c r="G42" s="138"/>
      <c r="H42" s="138"/>
      <c r="I42" s="138"/>
      <c r="J42" s="138"/>
      <c r="K42" s="115"/>
      <c r="L42" s="115"/>
    </row>
    <row r="43" spans="1:16" ht="12" customHeight="1" x14ac:dyDescent="0.25">
      <c r="A43" s="28"/>
      <c r="B43" s="41" t="s">
        <v>5</v>
      </c>
      <c r="C43" s="138" t="s">
        <v>198</v>
      </c>
      <c r="D43" s="138"/>
      <c r="E43" s="138"/>
      <c r="F43" s="138"/>
      <c r="G43" s="138"/>
      <c r="H43" s="118"/>
      <c r="I43" s="118"/>
      <c r="J43" s="118"/>
      <c r="K43" s="118"/>
      <c r="L43" s="118"/>
      <c r="M43" s="118"/>
      <c r="N43" s="118"/>
      <c r="O43" s="118"/>
      <c r="P43" s="118"/>
    </row>
    <row r="44" spans="1:16" ht="12" customHeight="1" x14ac:dyDescent="0.25">
      <c r="A44" s="41"/>
      <c r="B44" s="28"/>
      <c r="C44" s="138" t="s">
        <v>225</v>
      </c>
      <c r="D44" s="138"/>
      <c r="E44" s="138"/>
      <c r="F44" s="138"/>
      <c r="G44" s="138"/>
      <c r="H44" s="138"/>
      <c r="I44" s="138"/>
      <c r="J44" s="138"/>
      <c r="K44" s="115"/>
    </row>
    <row r="45" spans="1:16" ht="12" customHeight="1" x14ac:dyDescent="0.25">
      <c r="A45" s="28"/>
      <c r="B45" s="41" t="s">
        <v>5</v>
      </c>
      <c r="C45" s="138" t="s">
        <v>199</v>
      </c>
      <c r="D45" s="138"/>
      <c r="E45" s="138"/>
      <c r="F45" s="138"/>
      <c r="G45" s="138"/>
      <c r="H45" s="118"/>
      <c r="I45" s="118"/>
      <c r="J45" s="118"/>
      <c r="K45" s="118"/>
      <c r="L45" s="118"/>
      <c r="M45" s="118"/>
      <c r="N45" s="118"/>
      <c r="O45" s="118"/>
      <c r="P45" s="118"/>
    </row>
    <row r="46" spans="1:16" ht="12" customHeight="1" x14ac:dyDescent="0.25">
      <c r="A46" s="41"/>
      <c r="B46" s="28"/>
      <c r="C46" s="138" t="s">
        <v>226</v>
      </c>
      <c r="D46" s="138"/>
      <c r="E46" s="138"/>
      <c r="F46" s="138"/>
      <c r="G46" s="138"/>
      <c r="H46" s="138"/>
      <c r="I46" s="138"/>
      <c r="J46" s="138"/>
      <c r="K46" s="115"/>
    </row>
    <row r="47" spans="1:16" ht="12" customHeight="1" x14ac:dyDescent="0.25">
      <c r="A47" s="28"/>
      <c r="B47" s="26" t="s">
        <v>5</v>
      </c>
      <c r="C47" s="138" t="s">
        <v>193</v>
      </c>
      <c r="D47" s="138"/>
      <c r="E47" s="138"/>
      <c r="F47" s="138"/>
      <c r="G47" s="118"/>
      <c r="H47" s="118"/>
      <c r="I47" s="118"/>
      <c r="J47" s="118"/>
      <c r="K47" s="118"/>
      <c r="L47" s="118"/>
      <c r="M47" s="118"/>
      <c r="N47" s="118"/>
      <c r="O47" s="118"/>
      <c r="P47" s="118"/>
    </row>
    <row r="48" spans="1:16" ht="12" customHeight="1" x14ac:dyDescent="0.25">
      <c r="A48" s="41"/>
      <c r="B48" s="28"/>
      <c r="C48" s="138" t="s">
        <v>227</v>
      </c>
      <c r="D48" s="138"/>
      <c r="E48" s="138"/>
      <c r="F48" s="138"/>
      <c r="G48" s="138"/>
      <c r="H48" s="138"/>
      <c r="I48" s="138"/>
      <c r="J48" s="138"/>
      <c r="K48" s="115"/>
    </row>
    <row r="49" spans="1:16" x14ac:dyDescent="0.25">
      <c r="A49" s="28"/>
      <c r="B49" s="117" t="s">
        <v>218</v>
      </c>
      <c r="C49" s="117"/>
      <c r="D49" s="117"/>
      <c r="E49" s="117"/>
      <c r="F49" s="117"/>
      <c r="G49" s="117"/>
      <c r="H49" s="117"/>
      <c r="I49" s="115"/>
      <c r="J49" s="115"/>
      <c r="K49" s="115"/>
    </row>
    <row r="50" spans="1:16" ht="12" customHeight="1" x14ac:dyDescent="0.25">
      <c r="A50" s="28"/>
      <c r="B50" s="41" t="s">
        <v>5</v>
      </c>
      <c r="C50" s="138" t="s">
        <v>192</v>
      </c>
      <c r="D50" s="138"/>
      <c r="E50" s="138"/>
      <c r="F50" s="138"/>
      <c r="G50" s="138"/>
      <c r="H50" s="118"/>
      <c r="I50" s="118"/>
      <c r="J50" s="118"/>
      <c r="K50" s="118"/>
      <c r="L50" s="118"/>
      <c r="M50" s="118"/>
      <c r="N50" s="115"/>
    </row>
    <row r="51" spans="1:16" ht="12" customHeight="1" x14ac:dyDescent="0.25">
      <c r="A51" s="41"/>
      <c r="B51" s="28"/>
      <c r="C51" s="138" t="s">
        <v>228</v>
      </c>
      <c r="D51" s="138"/>
      <c r="E51" s="138"/>
      <c r="F51" s="138"/>
      <c r="G51" s="138"/>
      <c r="H51" s="138"/>
      <c r="I51" s="138"/>
      <c r="J51" s="138"/>
      <c r="K51" s="115"/>
      <c r="L51" s="115"/>
    </row>
    <row r="52" spans="1:16" ht="12" customHeight="1" x14ac:dyDescent="0.25">
      <c r="A52" s="28"/>
      <c r="B52" s="41" t="s">
        <v>5</v>
      </c>
      <c r="C52" s="138" t="s">
        <v>198</v>
      </c>
      <c r="D52" s="138"/>
      <c r="E52" s="138"/>
      <c r="F52" s="138"/>
      <c r="G52" s="118"/>
      <c r="H52" s="118"/>
      <c r="I52" s="118"/>
      <c r="J52" s="118"/>
      <c r="K52" s="118"/>
      <c r="L52" s="118"/>
      <c r="M52" s="118"/>
      <c r="N52" s="118"/>
      <c r="O52" s="118"/>
      <c r="P52" s="118"/>
    </row>
    <row r="53" spans="1:16" ht="12" customHeight="1" x14ac:dyDescent="0.25">
      <c r="A53" s="41"/>
      <c r="B53" s="28"/>
      <c r="C53" s="138" t="s">
        <v>229</v>
      </c>
      <c r="D53" s="138"/>
      <c r="E53" s="138"/>
      <c r="F53" s="138"/>
      <c r="G53" s="138"/>
      <c r="H53" s="138"/>
      <c r="I53" s="138"/>
      <c r="J53" s="138"/>
      <c r="K53" s="115"/>
    </row>
    <row r="54" spans="1:16" ht="12" customHeight="1" x14ac:dyDescent="0.25">
      <c r="A54" s="28"/>
      <c r="B54" s="41" t="s">
        <v>5</v>
      </c>
      <c r="C54" s="138" t="s">
        <v>199</v>
      </c>
      <c r="D54" s="138"/>
      <c r="E54" s="138"/>
      <c r="F54" s="138"/>
      <c r="G54" s="138"/>
      <c r="H54" s="118"/>
      <c r="I54" s="118"/>
      <c r="J54" s="118"/>
      <c r="K54" s="118"/>
      <c r="L54" s="118"/>
      <c r="M54" s="118"/>
      <c r="N54" s="118"/>
      <c r="O54" s="118"/>
      <c r="P54" s="118"/>
    </row>
    <row r="55" spans="1:16" ht="12" customHeight="1" x14ac:dyDescent="0.25">
      <c r="A55" s="41"/>
      <c r="B55" s="28"/>
      <c r="C55" s="138" t="s">
        <v>230</v>
      </c>
      <c r="D55" s="138"/>
      <c r="E55" s="138"/>
      <c r="F55" s="138"/>
      <c r="G55" s="138"/>
      <c r="H55" s="138"/>
      <c r="I55" s="138"/>
      <c r="J55" s="138"/>
      <c r="K55" s="115"/>
    </row>
    <row r="56" spans="1:16" ht="12" customHeight="1" x14ac:dyDescent="0.25">
      <c r="A56" s="28"/>
      <c r="B56" s="26" t="s">
        <v>5</v>
      </c>
      <c r="C56" s="138" t="s">
        <v>193</v>
      </c>
      <c r="D56" s="138"/>
      <c r="E56" s="138"/>
      <c r="F56" s="138"/>
      <c r="G56" s="118"/>
      <c r="H56" s="118"/>
      <c r="I56" s="118"/>
      <c r="J56" s="118"/>
      <c r="K56" s="118"/>
      <c r="L56" s="118"/>
      <c r="M56" s="118"/>
      <c r="N56" s="118"/>
      <c r="O56" s="118"/>
      <c r="P56" s="118"/>
    </row>
    <row r="57" spans="1:16" ht="12" customHeight="1" x14ac:dyDescent="0.25">
      <c r="A57" s="41"/>
      <c r="B57" s="28"/>
      <c r="C57" s="138" t="s">
        <v>231</v>
      </c>
      <c r="D57" s="138"/>
      <c r="E57" s="138"/>
      <c r="F57" s="138"/>
      <c r="G57" s="138"/>
      <c r="H57" s="138"/>
      <c r="I57" s="138"/>
      <c r="J57" s="138"/>
      <c r="K57" s="115"/>
    </row>
    <row r="58" spans="1:16" ht="12" customHeight="1" x14ac:dyDescent="0.25">
      <c r="B58" s="113"/>
      <c r="C58" s="113"/>
      <c r="D58" s="113"/>
      <c r="E58" s="113"/>
      <c r="F58" s="113"/>
      <c r="G58" s="113"/>
      <c r="H58" s="113"/>
      <c r="I58" s="113"/>
      <c r="J58" s="113"/>
      <c r="K58" s="113"/>
      <c r="L58" s="113"/>
      <c r="M58" s="113"/>
      <c r="N58" s="113"/>
      <c r="O58" s="113"/>
      <c r="P58" s="113"/>
    </row>
    <row r="59" spans="1:16" ht="12" customHeight="1" x14ac:dyDescent="0.25">
      <c r="A59" s="26" t="s">
        <v>5</v>
      </c>
      <c r="B59" s="141" t="s">
        <v>83</v>
      </c>
      <c r="C59" s="141"/>
      <c r="D59" s="141"/>
      <c r="E59" s="141"/>
      <c r="F59" s="141"/>
      <c r="G59" s="141"/>
      <c r="H59" s="141"/>
      <c r="I59" s="141"/>
      <c r="J59" s="141"/>
      <c r="K59" s="141"/>
      <c r="L59" s="141"/>
      <c r="M59" s="141"/>
      <c r="N59" s="141"/>
      <c r="O59" s="141"/>
      <c r="P59" s="141"/>
    </row>
    <row r="60" spans="1:16" ht="26.25" customHeight="1" x14ac:dyDescent="0.25">
      <c r="A60" s="41" t="s">
        <v>5</v>
      </c>
      <c r="B60" s="144" t="s">
        <v>94</v>
      </c>
      <c r="C60" s="144"/>
      <c r="D60" s="144"/>
      <c r="E60" s="144"/>
      <c r="F60" s="144"/>
      <c r="G60" s="144"/>
      <c r="H60" s="144"/>
      <c r="I60" s="144"/>
      <c r="J60" s="144"/>
      <c r="K60" s="144"/>
      <c r="L60" s="144"/>
      <c r="M60" s="144"/>
      <c r="N60" s="144"/>
      <c r="O60" s="144"/>
      <c r="P60" s="144"/>
    </row>
    <row r="61" spans="1:16" ht="12" customHeight="1" x14ac:dyDescent="0.25">
      <c r="A61" s="41" t="s">
        <v>5</v>
      </c>
      <c r="B61" s="142" t="s">
        <v>95</v>
      </c>
      <c r="C61" s="142"/>
      <c r="D61" s="142"/>
      <c r="E61" s="142"/>
      <c r="F61" s="142"/>
      <c r="G61" s="142"/>
      <c r="H61" s="142"/>
      <c r="I61" s="142"/>
      <c r="J61" s="142"/>
      <c r="K61" s="142"/>
      <c r="L61" s="142"/>
      <c r="M61" s="142"/>
      <c r="N61" s="142"/>
      <c r="O61" s="142"/>
      <c r="P61" s="142"/>
    </row>
    <row r="62" spans="1:16" x14ac:dyDescent="0.25">
      <c r="A62" s="26" t="s">
        <v>5</v>
      </c>
      <c r="B62" s="69" t="s">
        <v>65</v>
      </c>
      <c r="C62" s="63"/>
      <c r="D62" s="63"/>
      <c r="E62" s="63"/>
      <c r="F62" s="63"/>
      <c r="G62" s="63"/>
      <c r="H62" s="63"/>
      <c r="I62" s="63"/>
      <c r="J62" s="63"/>
      <c r="K62" s="70"/>
      <c r="L62" s="70"/>
      <c r="M62" s="70"/>
      <c r="N62" s="70"/>
      <c r="O62" s="70"/>
      <c r="P62" s="70"/>
    </row>
    <row r="63" spans="1:16" x14ac:dyDescent="0.25">
      <c r="A63" s="26" t="s">
        <v>5</v>
      </c>
      <c r="B63" s="71" t="s">
        <v>104</v>
      </c>
      <c r="C63" s="72"/>
      <c r="D63" s="72"/>
      <c r="E63" s="72"/>
      <c r="F63" s="72"/>
      <c r="G63" s="72"/>
      <c r="H63" s="72"/>
      <c r="I63" s="72"/>
      <c r="J63" s="72"/>
      <c r="K63" s="53"/>
      <c r="L63" s="53"/>
      <c r="M63" s="53"/>
      <c r="N63" s="53"/>
      <c r="O63" s="53"/>
      <c r="P63" s="53"/>
    </row>
    <row r="65" spans="1:16" x14ac:dyDescent="0.25">
      <c r="A65" s="45"/>
      <c r="B65" s="141" t="s">
        <v>21</v>
      </c>
      <c r="C65" s="141"/>
      <c r="D65" s="141"/>
      <c r="E65" s="141"/>
      <c r="F65" s="141"/>
      <c r="G65" s="141"/>
      <c r="H65" s="141"/>
      <c r="I65" s="141"/>
      <c r="J65" s="141"/>
      <c r="K65" s="141"/>
      <c r="L65" s="141"/>
      <c r="M65" s="141"/>
      <c r="N65" s="141"/>
      <c r="O65" s="141"/>
      <c r="P65" s="141"/>
    </row>
    <row r="66" spans="1:16" ht="25.5" customHeight="1" x14ac:dyDescent="0.25">
      <c r="A66" s="93"/>
      <c r="B66" s="139" t="s">
        <v>197</v>
      </c>
      <c r="C66" s="138"/>
      <c r="D66" s="138"/>
      <c r="E66" s="138"/>
      <c r="F66" s="138"/>
      <c r="G66" s="138"/>
      <c r="H66" s="138"/>
      <c r="I66" s="138"/>
      <c r="J66" s="138"/>
      <c r="K66" s="138"/>
      <c r="L66" s="138"/>
      <c r="M66" s="138"/>
      <c r="N66" s="138"/>
      <c r="O66" s="138"/>
      <c r="P66" s="138"/>
    </row>
    <row r="67" spans="1:16" ht="13.5" customHeight="1" x14ac:dyDescent="0.25"/>
    <row r="68" spans="1:16" ht="11.25" customHeight="1" x14ac:dyDescent="0.25">
      <c r="A68" s="137" t="s">
        <v>62</v>
      </c>
      <c r="B68" s="137"/>
      <c r="C68" s="137"/>
      <c r="D68" s="137"/>
      <c r="E68" s="137"/>
      <c r="F68" s="137"/>
      <c r="G68" s="137"/>
      <c r="H68" s="137"/>
      <c r="I68" s="137"/>
      <c r="J68" s="137"/>
      <c r="K68" s="137"/>
      <c r="L68" s="137"/>
      <c r="M68" s="137"/>
      <c r="N68" s="137"/>
      <c r="O68" s="137"/>
      <c r="P68" s="137"/>
    </row>
    <row r="69" spans="1:16" s="53" customFormat="1" x14ac:dyDescent="0.25">
      <c r="A69" s="41" t="s">
        <v>5</v>
      </c>
      <c r="B69" s="134" t="s">
        <v>63</v>
      </c>
      <c r="C69" s="134"/>
      <c r="D69" s="134"/>
      <c r="E69" s="134"/>
      <c r="F69" s="134"/>
      <c r="G69" s="134"/>
      <c r="H69" s="134"/>
      <c r="I69" s="134"/>
      <c r="J69" s="134"/>
      <c r="K69" s="134"/>
      <c r="L69" s="134"/>
      <c r="M69" s="134"/>
      <c r="N69" s="134"/>
      <c r="O69" s="134"/>
      <c r="P69" s="134"/>
    </row>
    <row r="70" spans="1:16" x14ac:dyDescent="0.25">
      <c r="A70" s="41" t="s">
        <v>5</v>
      </c>
      <c r="B70" s="138" t="s">
        <v>139</v>
      </c>
      <c r="C70" s="138"/>
      <c r="D70" s="138"/>
      <c r="E70" s="138"/>
      <c r="F70" s="138"/>
      <c r="G70" s="138"/>
      <c r="H70" s="138"/>
      <c r="I70" s="138"/>
      <c r="J70" s="138"/>
      <c r="K70" s="138"/>
      <c r="L70" s="138"/>
      <c r="M70" s="138"/>
      <c r="N70" s="138"/>
      <c r="O70" s="138"/>
      <c r="P70" s="138"/>
    </row>
    <row r="71" spans="1:16" s="53" customFormat="1" ht="25.5" customHeight="1" x14ac:dyDescent="0.25">
      <c r="A71" s="41" t="s">
        <v>5</v>
      </c>
      <c r="B71" s="134" t="s">
        <v>68</v>
      </c>
      <c r="C71" s="134"/>
      <c r="D71" s="134"/>
      <c r="E71" s="134"/>
      <c r="F71" s="134"/>
      <c r="G71" s="134"/>
      <c r="H71" s="134"/>
      <c r="I71" s="134"/>
      <c r="J71" s="134"/>
      <c r="K71" s="134"/>
      <c r="L71" s="134"/>
      <c r="M71" s="134"/>
      <c r="N71" s="134"/>
      <c r="O71" s="134"/>
      <c r="P71" s="134"/>
    </row>
    <row r="72" spans="1:16" s="53" customFormat="1" ht="12" customHeight="1" x14ac:dyDescent="0.25">
      <c r="A72" s="41" t="s">
        <v>5</v>
      </c>
      <c r="B72" s="134" t="s">
        <v>69</v>
      </c>
      <c r="C72" s="134"/>
      <c r="D72" s="134"/>
      <c r="E72" s="134"/>
      <c r="F72" s="134"/>
      <c r="G72" s="134"/>
      <c r="H72" s="134"/>
      <c r="I72" s="134"/>
      <c r="J72" s="134"/>
      <c r="K72" s="134"/>
      <c r="L72" s="134"/>
      <c r="M72" s="134"/>
      <c r="N72" s="134"/>
      <c r="O72" s="134"/>
      <c r="P72" s="134"/>
    </row>
    <row r="73" spans="1:16" s="53" customFormat="1" ht="37.5" customHeight="1" x14ac:dyDescent="0.25">
      <c r="A73" s="41" t="s">
        <v>5</v>
      </c>
      <c r="B73" s="134" t="s">
        <v>66</v>
      </c>
      <c r="C73" s="134"/>
      <c r="D73" s="134"/>
      <c r="E73" s="134"/>
      <c r="F73" s="134"/>
      <c r="G73" s="134"/>
      <c r="H73" s="134"/>
      <c r="I73" s="134"/>
      <c r="J73" s="134"/>
      <c r="K73" s="134"/>
      <c r="L73" s="134"/>
      <c r="M73" s="134"/>
      <c r="N73" s="134"/>
      <c r="O73" s="134"/>
      <c r="P73" s="134"/>
    </row>
    <row r="74" spans="1:16" s="53" customFormat="1" x14ac:dyDescent="0.25">
      <c r="A74" s="41" t="s">
        <v>5</v>
      </c>
      <c r="B74" s="135" t="s">
        <v>130</v>
      </c>
      <c r="C74" s="135"/>
      <c r="D74" s="135"/>
      <c r="E74" s="135"/>
      <c r="F74" s="135"/>
      <c r="G74" s="135"/>
      <c r="H74" s="135"/>
      <c r="I74" s="135"/>
      <c r="J74" s="135"/>
      <c r="K74" s="135"/>
      <c r="L74" s="135"/>
      <c r="M74" s="135"/>
      <c r="N74" s="135"/>
      <c r="O74" s="135"/>
      <c r="P74" s="135"/>
    </row>
    <row r="75" spans="1:16" ht="24" customHeight="1" x14ac:dyDescent="0.25">
      <c r="A75" s="41" t="s">
        <v>5</v>
      </c>
      <c r="B75" s="148" t="s">
        <v>131</v>
      </c>
      <c r="C75" s="148"/>
      <c r="D75" s="148"/>
      <c r="E75" s="148"/>
      <c r="F75" s="148"/>
      <c r="G75" s="148"/>
      <c r="H75" s="148"/>
      <c r="I75" s="148"/>
      <c r="J75" s="148"/>
      <c r="K75" s="148"/>
      <c r="L75" s="148"/>
      <c r="M75" s="148"/>
      <c r="N75" s="148"/>
      <c r="O75" s="148"/>
      <c r="P75" s="148"/>
    </row>
    <row r="76" spans="1:16" x14ac:dyDescent="0.25">
      <c r="A76" s="41" t="s">
        <v>5</v>
      </c>
      <c r="B76" s="136" t="s">
        <v>129</v>
      </c>
      <c r="C76" s="136"/>
      <c r="D76" s="136"/>
      <c r="E76" s="136"/>
      <c r="F76" s="136"/>
      <c r="G76" s="136"/>
      <c r="H76" s="136"/>
      <c r="I76" s="136"/>
      <c r="J76" s="136"/>
      <c r="K76" s="136"/>
      <c r="L76" s="136"/>
      <c r="M76" s="136"/>
      <c r="N76" s="136"/>
      <c r="O76" s="136"/>
      <c r="P76" s="136"/>
    </row>
    <row r="77" spans="1:16" s="53" customFormat="1" x14ac:dyDescent="0.25">
      <c r="A77" s="36" t="s">
        <v>5</v>
      </c>
      <c r="B77" s="147" t="s">
        <v>132</v>
      </c>
      <c r="C77" s="147"/>
      <c r="D77" s="147"/>
      <c r="E77" s="147"/>
      <c r="F77" s="147"/>
      <c r="G77" s="147"/>
      <c r="H77" s="147"/>
      <c r="I77" s="147"/>
      <c r="J77" s="147"/>
      <c r="K77" s="147"/>
      <c r="L77" s="147"/>
      <c r="M77" s="147"/>
      <c r="N77" s="147"/>
      <c r="O77" s="147"/>
      <c r="P77" s="147"/>
    </row>
    <row r="78" spans="1:16" s="49" customFormat="1" ht="12" customHeight="1" x14ac:dyDescent="0.25">
      <c r="A78" s="41" t="s">
        <v>5</v>
      </c>
      <c r="B78" s="147" t="s">
        <v>22</v>
      </c>
      <c r="C78" s="147"/>
      <c r="D78" s="147"/>
      <c r="E78" s="147"/>
      <c r="F78" s="147"/>
      <c r="G78" s="147"/>
      <c r="H78" s="147"/>
      <c r="I78" s="147"/>
      <c r="J78" s="147"/>
      <c r="K78" s="147"/>
      <c r="L78" s="147"/>
      <c r="M78" s="147"/>
      <c r="N78" s="147"/>
      <c r="O78" s="147"/>
      <c r="P78" s="85"/>
    </row>
    <row r="79" spans="1:16" x14ac:dyDescent="0.25">
      <c r="A79" s="41"/>
      <c r="B79" s="54"/>
      <c r="C79" s="54"/>
      <c r="D79" s="54"/>
      <c r="E79" s="54"/>
      <c r="F79" s="54"/>
      <c r="G79" s="54"/>
      <c r="H79" s="54"/>
      <c r="I79" s="54"/>
      <c r="J79" s="54"/>
      <c r="K79" s="54"/>
      <c r="L79" s="54"/>
      <c r="M79" s="54"/>
      <c r="N79" s="54"/>
      <c r="O79" s="54"/>
      <c r="P79" s="54"/>
    </row>
    <row r="80" spans="1:16" ht="11.25" customHeight="1" x14ac:dyDescent="0.25">
      <c r="A80" s="137" t="s">
        <v>134</v>
      </c>
      <c r="B80" s="137"/>
      <c r="C80" s="137"/>
      <c r="D80" s="137"/>
      <c r="E80" s="137"/>
      <c r="F80" s="137"/>
      <c r="G80" s="137"/>
      <c r="H80" s="137"/>
      <c r="I80" s="137"/>
      <c r="J80" s="137"/>
      <c r="K80" s="137"/>
      <c r="L80" s="137"/>
      <c r="M80" s="137"/>
      <c r="N80" s="137"/>
      <c r="O80" s="137"/>
      <c r="P80" s="137"/>
    </row>
    <row r="81" spans="1:256" s="53" customFormat="1" x14ac:dyDescent="0.25">
      <c r="A81" s="55"/>
      <c r="B81" s="56"/>
      <c r="C81" s="56"/>
      <c r="D81" s="56"/>
      <c r="E81" s="56"/>
      <c r="F81" s="56"/>
      <c r="G81" s="56"/>
      <c r="H81" s="56"/>
      <c r="I81" s="56"/>
      <c r="J81" s="56"/>
      <c r="K81" s="56"/>
      <c r="L81" s="56"/>
      <c r="M81" s="56"/>
      <c r="N81" s="56"/>
      <c r="O81" s="56"/>
      <c r="P81" s="56"/>
    </row>
    <row r="82" spans="1:256" x14ac:dyDescent="0.25">
      <c r="A82" s="41"/>
      <c r="B82" s="82" t="s">
        <v>115</v>
      </c>
      <c r="C82" s="80"/>
      <c r="D82" s="80"/>
      <c r="E82" s="80"/>
      <c r="F82" s="80"/>
      <c r="G82" s="80"/>
      <c r="H82" s="80"/>
      <c r="I82" s="80"/>
      <c r="J82" s="80"/>
      <c r="K82" s="80"/>
      <c r="L82" s="80"/>
      <c r="M82" s="80"/>
      <c r="N82" s="80"/>
      <c r="O82" s="80"/>
      <c r="P82" s="80"/>
    </row>
    <row r="83" spans="1:256" ht="8.25" customHeight="1" x14ac:dyDescent="0.25">
      <c r="A83" s="41"/>
      <c r="B83" s="81"/>
      <c r="C83" s="80"/>
      <c r="D83" s="80"/>
      <c r="E83" s="80"/>
      <c r="F83" s="80"/>
      <c r="G83" s="80"/>
      <c r="H83" s="80"/>
      <c r="I83" s="80"/>
      <c r="J83" s="80"/>
      <c r="K83" s="80"/>
      <c r="L83" s="80"/>
      <c r="M83" s="80"/>
      <c r="N83" s="80"/>
      <c r="O83" s="80"/>
      <c r="P83" s="80"/>
    </row>
    <row r="84" spans="1:256" ht="66.75" customHeight="1" x14ac:dyDescent="0.25">
      <c r="A84" s="41"/>
      <c r="B84" s="136" t="s">
        <v>232</v>
      </c>
      <c r="C84" s="136"/>
      <c r="D84" s="136"/>
      <c r="E84" s="136"/>
      <c r="F84" s="136"/>
      <c r="G84" s="136"/>
      <c r="H84" s="136"/>
      <c r="I84" s="136"/>
      <c r="J84" s="136"/>
      <c r="K84" s="136"/>
      <c r="L84" s="136"/>
      <c r="M84" s="136"/>
      <c r="N84" s="136"/>
      <c r="O84" s="136"/>
      <c r="P84" s="136"/>
    </row>
    <row r="85" spans="1:256" s="53" customFormat="1" x14ac:dyDescent="0.25">
      <c r="A85" s="55"/>
      <c r="B85" s="57"/>
      <c r="C85" s="57"/>
      <c r="D85" s="57"/>
      <c r="E85" s="57"/>
      <c r="F85" s="57"/>
      <c r="G85" s="57"/>
      <c r="H85" s="57"/>
      <c r="I85" s="57"/>
      <c r="J85" s="57"/>
      <c r="K85" s="57"/>
      <c r="L85" s="57"/>
      <c r="M85" s="57"/>
      <c r="N85" s="57"/>
      <c r="O85" s="57"/>
      <c r="P85" s="57"/>
    </row>
    <row r="86" spans="1:256" ht="12" customHeight="1" x14ac:dyDescent="0.25">
      <c r="A86" s="137" t="s">
        <v>27</v>
      </c>
      <c r="B86" s="137"/>
      <c r="C86" s="137"/>
      <c r="D86" s="137"/>
      <c r="E86" s="137"/>
      <c r="F86" s="137"/>
      <c r="G86" s="137"/>
      <c r="H86" s="137"/>
      <c r="I86" s="137"/>
      <c r="J86" s="137"/>
      <c r="K86" s="137"/>
      <c r="L86" s="137"/>
      <c r="M86" s="137"/>
      <c r="N86" s="137"/>
      <c r="O86" s="137"/>
      <c r="P86" s="137"/>
    </row>
    <row r="88" spans="1:256" ht="29.25" customHeight="1" x14ac:dyDescent="0.25">
      <c r="B88" s="140" t="s">
        <v>137</v>
      </c>
      <c r="C88" s="140"/>
      <c r="D88" s="129" t="s">
        <v>133</v>
      </c>
      <c r="E88" s="127"/>
      <c r="F88" s="127"/>
      <c r="G88" s="127"/>
      <c r="H88" s="127"/>
      <c r="I88" s="127"/>
      <c r="J88" s="127"/>
      <c r="K88" s="127"/>
      <c r="L88" s="127"/>
      <c r="M88" s="127"/>
      <c r="N88" s="127"/>
      <c r="O88" s="127"/>
    </row>
    <row r="89" spans="1:256" ht="14.4" x14ac:dyDescent="0.3">
      <c r="B89" s="157" t="s">
        <v>93</v>
      </c>
      <c r="C89" s="157"/>
      <c r="D89" s="111">
        <v>350</v>
      </c>
      <c r="E89" s="184"/>
      <c r="F89" s="184"/>
      <c r="G89" s="184"/>
      <c r="H89" s="184"/>
      <c r="I89" s="184"/>
      <c r="J89" s="184"/>
      <c r="K89" s="184"/>
      <c r="L89" s="184"/>
      <c r="M89" s="184"/>
      <c r="N89" s="184"/>
      <c r="O89" s="184"/>
    </row>
    <row r="91" spans="1:256" s="49" customFormat="1" ht="12" customHeight="1" x14ac:dyDescent="0.25">
      <c r="A91" s="137" t="s">
        <v>138</v>
      </c>
      <c r="B91" s="137"/>
      <c r="C91" s="137"/>
      <c r="D91" s="137"/>
      <c r="E91" s="137"/>
      <c r="F91" s="137"/>
      <c r="G91" s="137"/>
      <c r="H91" s="137"/>
      <c r="I91" s="137"/>
      <c r="J91" s="137"/>
      <c r="K91" s="137"/>
      <c r="L91" s="137"/>
      <c r="M91" s="137"/>
      <c r="N91" s="137"/>
      <c r="O91" s="137"/>
      <c r="P91" s="137"/>
      <c r="Q91" s="156" t="s">
        <v>27</v>
      </c>
      <c r="R91" s="156"/>
      <c r="S91" s="156"/>
      <c r="T91" s="156"/>
      <c r="U91" s="156"/>
      <c r="V91" s="156"/>
      <c r="W91" s="156"/>
      <c r="X91" s="156"/>
      <c r="Y91" s="156"/>
      <c r="Z91" s="156"/>
      <c r="AA91" s="156"/>
      <c r="AB91" s="156"/>
      <c r="AC91" s="156"/>
      <c r="AD91" s="156"/>
      <c r="AE91" s="156"/>
      <c r="AF91" s="156"/>
      <c r="AG91" s="156" t="s">
        <v>27</v>
      </c>
      <c r="AH91" s="156"/>
      <c r="AI91" s="156"/>
      <c r="AJ91" s="156"/>
      <c r="AK91" s="156"/>
      <c r="AL91" s="156"/>
      <c r="AM91" s="156"/>
      <c r="AN91" s="156"/>
      <c r="AO91" s="156"/>
      <c r="AP91" s="156"/>
      <c r="AQ91" s="156"/>
      <c r="AR91" s="156"/>
      <c r="AS91" s="156"/>
      <c r="AT91" s="156"/>
      <c r="AU91" s="156"/>
      <c r="AV91" s="156"/>
      <c r="AW91" s="156" t="s">
        <v>27</v>
      </c>
      <c r="AX91" s="156"/>
      <c r="AY91" s="156"/>
      <c r="AZ91" s="156"/>
      <c r="BA91" s="156"/>
      <c r="BB91" s="156"/>
      <c r="BC91" s="156"/>
      <c r="BD91" s="156"/>
      <c r="BE91" s="156"/>
      <c r="BF91" s="156"/>
      <c r="BG91" s="156"/>
      <c r="BH91" s="156"/>
      <c r="BI91" s="156"/>
      <c r="BJ91" s="156"/>
      <c r="BK91" s="156"/>
      <c r="BL91" s="156"/>
      <c r="BM91" s="156" t="s">
        <v>27</v>
      </c>
      <c r="BN91" s="156"/>
      <c r="BO91" s="156"/>
      <c r="BP91" s="156"/>
      <c r="BQ91" s="156"/>
      <c r="BR91" s="156"/>
      <c r="BS91" s="156"/>
      <c r="BT91" s="156"/>
      <c r="BU91" s="156"/>
      <c r="BV91" s="156"/>
      <c r="BW91" s="156"/>
      <c r="BX91" s="156"/>
      <c r="BY91" s="156"/>
      <c r="BZ91" s="156"/>
      <c r="CA91" s="156"/>
      <c r="CB91" s="156"/>
      <c r="CC91" s="156" t="s">
        <v>27</v>
      </c>
      <c r="CD91" s="156"/>
      <c r="CE91" s="156"/>
      <c r="CF91" s="156"/>
      <c r="CG91" s="156"/>
      <c r="CH91" s="156"/>
      <c r="CI91" s="156"/>
      <c r="CJ91" s="156"/>
      <c r="CK91" s="156"/>
      <c r="CL91" s="156"/>
      <c r="CM91" s="156"/>
      <c r="CN91" s="156"/>
      <c r="CO91" s="156"/>
      <c r="CP91" s="156"/>
      <c r="CQ91" s="156"/>
      <c r="CR91" s="156"/>
      <c r="CS91" s="156" t="s">
        <v>27</v>
      </c>
      <c r="CT91" s="156"/>
      <c r="CU91" s="156"/>
      <c r="CV91" s="156"/>
      <c r="CW91" s="156"/>
      <c r="CX91" s="156"/>
      <c r="CY91" s="156"/>
      <c r="CZ91" s="156"/>
      <c r="DA91" s="156"/>
      <c r="DB91" s="156"/>
      <c r="DC91" s="156"/>
      <c r="DD91" s="156"/>
      <c r="DE91" s="156"/>
      <c r="DF91" s="156"/>
      <c r="DG91" s="156"/>
      <c r="DH91" s="156"/>
      <c r="DI91" s="156" t="s">
        <v>27</v>
      </c>
      <c r="DJ91" s="156"/>
      <c r="DK91" s="156"/>
      <c r="DL91" s="156"/>
      <c r="DM91" s="156"/>
      <c r="DN91" s="156"/>
      <c r="DO91" s="156"/>
      <c r="DP91" s="156"/>
      <c r="DQ91" s="156"/>
      <c r="DR91" s="156"/>
      <c r="DS91" s="156"/>
      <c r="DT91" s="156"/>
      <c r="DU91" s="156"/>
      <c r="DV91" s="156"/>
      <c r="DW91" s="156"/>
      <c r="DX91" s="156"/>
      <c r="DY91" s="156" t="s">
        <v>27</v>
      </c>
      <c r="DZ91" s="156"/>
      <c r="EA91" s="156"/>
      <c r="EB91" s="156"/>
      <c r="EC91" s="156"/>
      <c r="ED91" s="156"/>
      <c r="EE91" s="156"/>
      <c r="EF91" s="156"/>
      <c r="EG91" s="156"/>
      <c r="EH91" s="156"/>
      <c r="EI91" s="156"/>
      <c r="EJ91" s="156"/>
      <c r="EK91" s="156"/>
      <c r="EL91" s="156"/>
      <c r="EM91" s="156"/>
      <c r="EN91" s="156"/>
      <c r="EO91" s="156" t="s">
        <v>27</v>
      </c>
      <c r="EP91" s="156"/>
      <c r="EQ91" s="156"/>
      <c r="ER91" s="156"/>
      <c r="ES91" s="156"/>
      <c r="ET91" s="156"/>
      <c r="EU91" s="156"/>
      <c r="EV91" s="156"/>
      <c r="EW91" s="156"/>
      <c r="EX91" s="156"/>
      <c r="EY91" s="156"/>
      <c r="EZ91" s="156"/>
      <c r="FA91" s="156"/>
      <c r="FB91" s="156"/>
      <c r="FC91" s="156"/>
      <c r="FD91" s="156"/>
      <c r="FE91" s="156" t="s">
        <v>27</v>
      </c>
      <c r="FF91" s="156"/>
      <c r="FG91" s="156"/>
      <c r="FH91" s="156"/>
      <c r="FI91" s="156"/>
      <c r="FJ91" s="156"/>
      <c r="FK91" s="156"/>
      <c r="FL91" s="156"/>
      <c r="FM91" s="156"/>
      <c r="FN91" s="156"/>
      <c r="FO91" s="156"/>
      <c r="FP91" s="156"/>
      <c r="FQ91" s="156"/>
      <c r="FR91" s="156"/>
      <c r="FS91" s="156"/>
      <c r="FT91" s="156"/>
      <c r="FU91" s="156" t="s">
        <v>27</v>
      </c>
      <c r="FV91" s="156"/>
      <c r="FW91" s="156"/>
      <c r="FX91" s="156"/>
      <c r="FY91" s="156"/>
      <c r="FZ91" s="156"/>
      <c r="GA91" s="156"/>
      <c r="GB91" s="156"/>
      <c r="GC91" s="156"/>
      <c r="GD91" s="156"/>
      <c r="GE91" s="156"/>
      <c r="GF91" s="156"/>
      <c r="GG91" s="156"/>
      <c r="GH91" s="156"/>
      <c r="GI91" s="156"/>
      <c r="GJ91" s="156"/>
      <c r="GK91" s="156" t="s">
        <v>27</v>
      </c>
      <c r="GL91" s="156"/>
      <c r="GM91" s="156"/>
      <c r="GN91" s="156"/>
      <c r="GO91" s="156"/>
      <c r="GP91" s="156"/>
      <c r="GQ91" s="156"/>
      <c r="GR91" s="156"/>
      <c r="GS91" s="156"/>
      <c r="GT91" s="156"/>
      <c r="GU91" s="156"/>
      <c r="GV91" s="156"/>
      <c r="GW91" s="156"/>
      <c r="GX91" s="156"/>
      <c r="GY91" s="156"/>
      <c r="GZ91" s="156"/>
      <c r="HA91" s="156" t="s">
        <v>27</v>
      </c>
      <c r="HB91" s="156"/>
      <c r="HC91" s="156"/>
      <c r="HD91" s="156"/>
      <c r="HE91" s="156"/>
      <c r="HF91" s="156"/>
      <c r="HG91" s="156"/>
      <c r="HH91" s="156"/>
      <c r="HI91" s="156"/>
      <c r="HJ91" s="156"/>
      <c r="HK91" s="156"/>
      <c r="HL91" s="156"/>
      <c r="HM91" s="156"/>
      <c r="HN91" s="156"/>
      <c r="HO91" s="156"/>
      <c r="HP91" s="156"/>
      <c r="HQ91" s="156" t="s">
        <v>27</v>
      </c>
      <c r="HR91" s="156"/>
      <c r="HS91" s="156"/>
      <c r="HT91" s="156"/>
      <c r="HU91" s="156"/>
      <c r="HV91" s="156"/>
      <c r="HW91" s="156"/>
      <c r="HX91" s="156"/>
      <c r="HY91" s="156"/>
      <c r="HZ91" s="156"/>
      <c r="IA91" s="156"/>
      <c r="IB91" s="156"/>
      <c r="IC91" s="156"/>
      <c r="ID91" s="156"/>
      <c r="IE91" s="156"/>
      <c r="IF91" s="156"/>
      <c r="IG91" s="156" t="s">
        <v>27</v>
      </c>
      <c r="IH91" s="156"/>
      <c r="II91" s="156"/>
      <c r="IJ91" s="156"/>
      <c r="IK91" s="156"/>
      <c r="IL91" s="156"/>
      <c r="IM91" s="156"/>
      <c r="IN91" s="156"/>
      <c r="IO91" s="156"/>
      <c r="IP91" s="156"/>
      <c r="IQ91" s="156"/>
      <c r="IR91" s="156"/>
      <c r="IS91" s="156"/>
      <c r="IT91" s="156"/>
      <c r="IU91" s="156"/>
      <c r="IV91" s="156"/>
    </row>
    <row r="92" spans="1:256" x14ac:dyDescent="0.25">
      <c r="A92" s="26" t="s">
        <v>5</v>
      </c>
      <c r="B92" s="45" t="s">
        <v>31</v>
      </c>
    </row>
    <row r="94" spans="1:256" x14ac:dyDescent="0.25">
      <c r="D94" s="61"/>
      <c r="E94" s="61"/>
      <c r="F94" s="61"/>
      <c r="G94" s="61"/>
      <c r="H94" s="61"/>
      <c r="I94" s="61"/>
      <c r="J94" s="61"/>
      <c r="K94" s="61"/>
      <c r="L94" s="61"/>
      <c r="M94" s="61"/>
      <c r="N94" s="61"/>
      <c r="O94" s="61"/>
      <c r="P94" s="61"/>
      <c r="Q94" s="61"/>
      <c r="R94" s="61"/>
    </row>
    <row r="95" spans="1:256" x14ac:dyDescent="0.25">
      <c r="D95" s="61"/>
      <c r="E95" s="61"/>
      <c r="F95" s="61"/>
      <c r="G95" s="61"/>
      <c r="H95" s="61"/>
      <c r="I95" s="61"/>
      <c r="J95" s="61"/>
      <c r="K95" s="61"/>
      <c r="L95" s="61"/>
      <c r="M95" s="61"/>
      <c r="N95" s="61"/>
      <c r="O95" s="61"/>
    </row>
    <row r="170" spans="1:256" s="26" customFormat="1" x14ac:dyDescent="0.25">
      <c r="A170" s="63"/>
      <c r="B170" s="63"/>
      <c r="C170" s="63"/>
      <c r="D170" s="63"/>
      <c r="E170" s="63"/>
      <c r="F170" s="63"/>
      <c r="G170" s="63"/>
      <c r="H170" s="63"/>
      <c r="I170" s="63"/>
      <c r="K170" s="28"/>
      <c r="L170" s="28"/>
      <c r="M170" s="28"/>
      <c r="N170" s="28"/>
      <c r="O170" s="28"/>
      <c r="P170" s="28"/>
      <c r="Q170" s="28"/>
      <c r="R170" s="28"/>
      <c r="S170" s="28"/>
      <c r="T170" s="28"/>
      <c r="U170" s="28"/>
      <c r="V170" s="28"/>
      <c r="W170" s="28"/>
      <c r="X170" s="28"/>
      <c r="Y170" s="28"/>
      <c r="Z170" s="28"/>
      <c r="AA170" s="28"/>
      <c r="AB170" s="28"/>
      <c r="AC170" s="28"/>
      <c r="AD170" s="28"/>
      <c r="AE170" s="28"/>
      <c r="AF170" s="28"/>
      <c r="AG170" s="28"/>
      <c r="AH170" s="28"/>
      <c r="AI170" s="28"/>
      <c r="AJ170" s="28"/>
      <c r="AK170" s="28"/>
      <c r="AL170" s="28"/>
      <c r="AM170" s="28"/>
      <c r="AN170" s="28"/>
      <c r="AO170" s="28"/>
      <c r="AP170" s="28"/>
      <c r="AQ170" s="28"/>
      <c r="AR170" s="28"/>
      <c r="AS170" s="28"/>
      <c r="AT170" s="28"/>
      <c r="AU170" s="28"/>
      <c r="AV170" s="28"/>
      <c r="AW170" s="28"/>
      <c r="AX170" s="28"/>
      <c r="AY170" s="28"/>
      <c r="AZ170" s="28"/>
      <c r="BA170" s="28"/>
      <c r="BB170" s="28"/>
      <c r="BC170" s="28"/>
      <c r="BD170" s="28"/>
      <c r="BE170" s="28"/>
      <c r="BF170" s="28"/>
      <c r="BG170" s="28"/>
      <c r="BH170" s="28"/>
      <c r="BI170" s="28"/>
      <c r="BJ170" s="28"/>
      <c r="BK170" s="28"/>
      <c r="BL170" s="28"/>
      <c r="BM170" s="28"/>
      <c r="BN170" s="28"/>
      <c r="BO170" s="28"/>
      <c r="BP170" s="28"/>
      <c r="BQ170" s="28"/>
      <c r="BR170" s="28"/>
      <c r="BS170" s="28"/>
      <c r="BT170" s="28"/>
      <c r="BU170" s="28"/>
      <c r="BV170" s="28"/>
      <c r="BW170" s="28"/>
      <c r="BX170" s="28"/>
      <c r="BY170" s="28"/>
      <c r="BZ170" s="28"/>
      <c r="CA170" s="28"/>
      <c r="CB170" s="28"/>
      <c r="CC170" s="28"/>
      <c r="CD170" s="28"/>
      <c r="CE170" s="28"/>
      <c r="CF170" s="28"/>
      <c r="CG170" s="28"/>
      <c r="CH170" s="28"/>
      <c r="CI170" s="28"/>
      <c r="CJ170" s="28"/>
      <c r="CK170" s="28"/>
      <c r="CL170" s="28"/>
      <c r="CM170" s="28"/>
      <c r="CN170" s="28"/>
      <c r="CO170" s="28"/>
      <c r="CP170" s="28"/>
      <c r="CQ170" s="28"/>
      <c r="CR170" s="28"/>
      <c r="CS170" s="28"/>
      <c r="CT170" s="28"/>
      <c r="CU170" s="28"/>
      <c r="CV170" s="28"/>
      <c r="CW170" s="28"/>
      <c r="CX170" s="28"/>
      <c r="CY170" s="28"/>
      <c r="CZ170" s="28"/>
      <c r="DA170" s="28"/>
      <c r="DB170" s="28"/>
      <c r="DC170" s="28"/>
      <c r="DD170" s="28"/>
      <c r="DE170" s="28"/>
      <c r="DF170" s="28"/>
      <c r="DG170" s="28"/>
      <c r="DH170" s="28"/>
      <c r="DI170" s="28"/>
      <c r="DJ170" s="28"/>
      <c r="DK170" s="28"/>
      <c r="DL170" s="28"/>
      <c r="DM170" s="28"/>
      <c r="DN170" s="28"/>
      <c r="DO170" s="28"/>
      <c r="DP170" s="28"/>
      <c r="DQ170" s="28"/>
      <c r="DR170" s="28"/>
      <c r="DS170" s="28"/>
      <c r="DT170" s="28"/>
      <c r="DU170" s="28"/>
      <c r="DV170" s="28"/>
      <c r="DW170" s="28"/>
      <c r="DX170" s="28"/>
      <c r="DY170" s="28"/>
      <c r="DZ170" s="28"/>
      <c r="EA170" s="28"/>
      <c r="EB170" s="28"/>
      <c r="EC170" s="28"/>
      <c r="ED170" s="28"/>
      <c r="EE170" s="28"/>
      <c r="EF170" s="28"/>
      <c r="EG170" s="28"/>
      <c r="EH170" s="28"/>
      <c r="EI170" s="28"/>
      <c r="EJ170" s="28"/>
      <c r="EK170" s="28"/>
      <c r="EL170" s="28"/>
      <c r="EM170" s="28"/>
      <c r="EN170" s="28"/>
      <c r="EO170" s="28"/>
      <c r="EP170" s="28"/>
      <c r="EQ170" s="28"/>
      <c r="ER170" s="28"/>
      <c r="ES170" s="28"/>
      <c r="ET170" s="28"/>
      <c r="EU170" s="28"/>
      <c r="EV170" s="28"/>
      <c r="EW170" s="28"/>
      <c r="EX170" s="28"/>
      <c r="EY170" s="28"/>
      <c r="EZ170" s="28"/>
      <c r="FA170" s="28"/>
      <c r="FB170" s="28"/>
      <c r="FC170" s="28"/>
      <c r="FD170" s="28"/>
      <c r="FE170" s="28"/>
      <c r="FF170" s="28"/>
      <c r="FG170" s="28"/>
      <c r="FH170" s="28"/>
      <c r="FI170" s="28"/>
      <c r="FJ170" s="28"/>
      <c r="FK170" s="28"/>
      <c r="FL170" s="28"/>
      <c r="FM170" s="28"/>
      <c r="FN170" s="28"/>
      <c r="FO170" s="28"/>
      <c r="FP170" s="28"/>
      <c r="FQ170" s="28"/>
      <c r="FR170" s="28"/>
      <c r="FS170" s="28"/>
      <c r="FT170" s="28"/>
      <c r="FU170" s="28"/>
      <c r="FV170" s="28"/>
      <c r="FW170" s="28"/>
      <c r="FX170" s="28"/>
      <c r="FY170" s="28"/>
      <c r="FZ170" s="28"/>
      <c r="GA170" s="28"/>
      <c r="GB170" s="28"/>
      <c r="GC170" s="28"/>
      <c r="GD170" s="28"/>
      <c r="GE170" s="28"/>
      <c r="GF170" s="28"/>
      <c r="GG170" s="28"/>
      <c r="GH170" s="28"/>
      <c r="GI170" s="28"/>
      <c r="GJ170" s="28"/>
      <c r="GK170" s="28"/>
      <c r="GL170" s="28"/>
      <c r="GM170" s="28"/>
      <c r="GN170" s="28"/>
      <c r="GO170" s="28"/>
      <c r="GP170" s="28"/>
      <c r="GQ170" s="28"/>
      <c r="GR170" s="28"/>
      <c r="GS170" s="28"/>
      <c r="GT170" s="28"/>
      <c r="GU170" s="28"/>
      <c r="GV170" s="28"/>
      <c r="GW170" s="28"/>
      <c r="GX170" s="28"/>
      <c r="GY170" s="28"/>
      <c r="GZ170" s="28"/>
      <c r="HA170" s="28"/>
      <c r="HB170" s="28"/>
      <c r="HC170" s="28"/>
      <c r="HD170" s="28"/>
      <c r="HE170" s="28"/>
      <c r="HF170" s="28"/>
      <c r="HG170" s="28"/>
      <c r="HH170" s="28"/>
      <c r="HI170" s="28"/>
      <c r="HJ170" s="28"/>
      <c r="HK170" s="28"/>
      <c r="HL170" s="28"/>
      <c r="HM170" s="28"/>
      <c r="HN170" s="28"/>
      <c r="HO170" s="28"/>
      <c r="HP170" s="28"/>
      <c r="HQ170" s="28"/>
      <c r="HR170" s="28"/>
      <c r="HS170" s="28"/>
      <c r="HT170" s="28"/>
      <c r="HU170" s="28"/>
      <c r="HV170" s="28"/>
      <c r="HW170" s="28"/>
      <c r="HX170" s="28"/>
      <c r="HY170" s="28"/>
      <c r="HZ170" s="28"/>
      <c r="IA170" s="28"/>
      <c r="IB170" s="28"/>
      <c r="IC170" s="28"/>
      <c r="ID170" s="28"/>
      <c r="IE170" s="28"/>
      <c r="IF170" s="28"/>
      <c r="IG170" s="28"/>
      <c r="IH170" s="28"/>
      <c r="II170" s="28"/>
      <c r="IJ170" s="28"/>
      <c r="IK170" s="28"/>
      <c r="IL170" s="28"/>
      <c r="IM170" s="28"/>
      <c r="IN170" s="28"/>
      <c r="IO170" s="28"/>
      <c r="IP170" s="28"/>
      <c r="IQ170" s="28"/>
      <c r="IR170" s="28"/>
      <c r="IS170" s="28"/>
      <c r="IT170" s="28"/>
      <c r="IU170" s="28"/>
      <c r="IV170" s="28"/>
    </row>
  </sheetData>
  <mergeCells count="67">
    <mergeCell ref="C53:J53"/>
    <mergeCell ref="C55:J55"/>
    <mergeCell ref="C52:F52"/>
    <mergeCell ref="C54:G54"/>
    <mergeCell ref="C56:F56"/>
    <mergeCell ref="B22:M22"/>
    <mergeCell ref="A4:P4"/>
    <mergeCell ref="A9:P9"/>
    <mergeCell ref="B12:M12"/>
    <mergeCell ref="B18:L18"/>
    <mergeCell ref="B21:M21"/>
    <mergeCell ref="B70:P70"/>
    <mergeCell ref="B71:P71"/>
    <mergeCell ref="B72:P72"/>
    <mergeCell ref="A80:P80"/>
    <mergeCell ref="B61:P61"/>
    <mergeCell ref="B65:P65"/>
    <mergeCell ref="A68:P68"/>
    <mergeCell ref="B69:P69"/>
    <mergeCell ref="A38:P38"/>
    <mergeCell ref="B59:P59"/>
    <mergeCell ref="B60:P60"/>
    <mergeCell ref="B66:P66"/>
    <mergeCell ref="B39:C39"/>
    <mergeCell ref="C42:J42"/>
    <mergeCell ref="C44:J44"/>
    <mergeCell ref="C41:F41"/>
    <mergeCell ref="C43:G43"/>
    <mergeCell ref="C45:G45"/>
    <mergeCell ref="C46:J46"/>
    <mergeCell ref="C48:J48"/>
    <mergeCell ref="C47:F47"/>
    <mergeCell ref="C50:G50"/>
    <mergeCell ref="C57:J57"/>
    <mergeCell ref="C51:J51"/>
    <mergeCell ref="A25:P25"/>
    <mergeCell ref="B29:M29"/>
    <mergeCell ref="B32:N32"/>
    <mergeCell ref="B33:N33"/>
    <mergeCell ref="N34:P34"/>
    <mergeCell ref="B30:M30"/>
    <mergeCell ref="GK91:GZ91"/>
    <mergeCell ref="HA91:HP91"/>
    <mergeCell ref="HQ91:IF91"/>
    <mergeCell ref="IG91:IV91"/>
    <mergeCell ref="CS91:DH91"/>
    <mergeCell ref="DI91:DX91"/>
    <mergeCell ref="DY91:EN91"/>
    <mergeCell ref="EO91:FD91"/>
    <mergeCell ref="FE91:FT91"/>
    <mergeCell ref="FU91:GJ91"/>
    <mergeCell ref="CC91:CR91"/>
    <mergeCell ref="B73:P73"/>
    <mergeCell ref="B74:P74"/>
    <mergeCell ref="B84:P84"/>
    <mergeCell ref="B77:P77"/>
    <mergeCell ref="B78:O78"/>
    <mergeCell ref="B75:P75"/>
    <mergeCell ref="B76:P76"/>
    <mergeCell ref="A91:P91"/>
    <mergeCell ref="Q91:AF91"/>
    <mergeCell ref="AG91:AV91"/>
    <mergeCell ref="AW91:BL91"/>
    <mergeCell ref="BM91:CB91"/>
    <mergeCell ref="B89:C89"/>
    <mergeCell ref="A86:P86"/>
    <mergeCell ref="B88:C88"/>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6">
    <pageSetUpPr fitToPage="1"/>
  </sheetPr>
  <dimension ref="A3:IV160"/>
  <sheetViews>
    <sheetView showGridLines="0" topLeftCell="A63" workbookViewId="0">
      <selection activeCell="D69" sqref="D69:D7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9" t="s">
        <v>205</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89" t="s">
        <v>153</v>
      </c>
      <c r="I10" s="28"/>
      <c r="O10" s="36" t="s">
        <v>7</v>
      </c>
    </row>
    <row r="11" spans="1:16" x14ac:dyDescent="0.25">
      <c r="A11" s="26" t="s">
        <v>5</v>
      </c>
      <c r="B11" s="45" t="s">
        <v>8</v>
      </c>
      <c r="I11" s="28"/>
      <c r="O11" s="40">
        <v>100000</v>
      </c>
    </row>
    <row r="12" spans="1:16" ht="24.75" customHeight="1" x14ac:dyDescent="0.25">
      <c r="A12" s="41" t="s">
        <v>5</v>
      </c>
      <c r="B12" s="150" t="s">
        <v>70</v>
      </c>
      <c r="C12" s="150"/>
      <c r="D12" s="150"/>
      <c r="E12" s="150"/>
      <c r="F12" s="150"/>
      <c r="G12" s="150"/>
      <c r="H12" s="150"/>
      <c r="I12" s="150"/>
      <c r="J12" s="150"/>
      <c r="K12" s="150"/>
      <c r="L12" s="150"/>
      <c r="M12" s="150"/>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x14ac:dyDescent="0.25">
      <c r="A18" s="26" t="s">
        <v>5</v>
      </c>
      <c r="B18" s="45" t="s">
        <v>14</v>
      </c>
      <c r="I18" s="28"/>
      <c r="O18" s="36" t="s">
        <v>7</v>
      </c>
    </row>
    <row r="19" spans="1:16" x14ac:dyDescent="0.25">
      <c r="A19" s="26" t="s">
        <v>5</v>
      </c>
      <c r="B19" s="45" t="s">
        <v>15</v>
      </c>
      <c r="I19" s="28"/>
      <c r="O19" s="36" t="s">
        <v>7</v>
      </c>
    </row>
    <row r="20" spans="1:16" x14ac:dyDescent="0.25">
      <c r="A20" s="26" t="s">
        <v>5</v>
      </c>
      <c r="B20" s="141" t="s">
        <v>34</v>
      </c>
      <c r="C20" s="141"/>
      <c r="D20" s="141"/>
      <c r="E20" s="141"/>
      <c r="F20" s="141"/>
      <c r="G20" s="141"/>
      <c r="H20" s="141"/>
      <c r="I20" s="141"/>
      <c r="J20" s="141"/>
      <c r="K20" s="141"/>
      <c r="L20" s="141"/>
      <c r="M20" s="141"/>
      <c r="O20" s="36" t="s">
        <v>7</v>
      </c>
    </row>
    <row r="21" spans="1:16" x14ac:dyDescent="0.25">
      <c r="A21" s="41" t="s">
        <v>5</v>
      </c>
      <c r="B21" s="134" t="s">
        <v>91</v>
      </c>
      <c r="C21" s="134"/>
      <c r="D21" s="134"/>
      <c r="E21" s="134"/>
      <c r="F21" s="134"/>
      <c r="G21" s="134"/>
      <c r="H21" s="134"/>
      <c r="I21" s="134"/>
      <c r="J21" s="134"/>
      <c r="K21" s="134"/>
      <c r="L21" s="134"/>
      <c r="M21" s="134"/>
      <c r="N21" s="46"/>
      <c r="O21" s="42">
        <v>50000</v>
      </c>
    </row>
    <row r="22" spans="1:16" x14ac:dyDescent="0.25">
      <c r="A22" s="26" t="s">
        <v>5</v>
      </c>
      <c r="B22" s="45" t="s">
        <v>16</v>
      </c>
      <c r="I22" s="28"/>
      <c r="O22" s="36" t="s">
        <v>7</v>
      </c>
    </row>
    <row r="24" spans="1:16" ht="12" customHeight="1" x14ac:dyDescent="0.25">
      <c r="A24" s="137" t="s">
        <v>17</v>
      </c>
      <c r="B24" s="137"/>
      <c r="C24" s="137"/>
      <c r="D24" s="137"/>
      <c r="E24" s="137"/>
      <c r="F24" s="137"/>
      <c r="G24" s="137"/>
      <c r="H24" s="137"/>
      <c r="I24" s="137"/>
      <c r="J24" s="137"/>
      <c r="K24" s="137"/>
      <c r="L24" s="137"/>
      <c r="M24" s="137"/>
      <c r="N24" s="137"/>
      <c r="O24" s="137"/>
      <c r="P24" s="137"/>
    </row>
    <row r="25" spans="1:16" x14ac:dyDescent="0.25">
      <c r="A25" s="26" t="s">
        <v>5</v>
      </c>
      <c r="B25" s="45" t="s">
        <v>18</v>
      </c>
      <c r="I25" s="28"/>
      <c r="O25" s="47">
        <v>250</v>
      </c>
    </row>
    <row r="26" spans="1:16" x14ac:dyDescent="0.25">
      <c r="A26" s="26" t="s">
        <v>5</v>
      </c>
      <c r="B26" s="45" t="s">
        <v>19</v>
      </c>
      <c r="I26" s="28"/>
      <c r="O26" s="47">
        <v>250</v>
      </c>
    </row>
    <row r="27" spans="1:16" x14ac:dyDescent="0.25">
      <c r="A27" s="26" t="s">
        <v>5</v>
      </c>
      <c r="B27" s="45" t="s">
        <v>126</v>
      </c>
      <c r="I27" s="28"/>
      <c r="O27" s="50" t="s">
        <v>82</v>
      </c>
    </row>
    <row r="28" spans="1:16" x14ac:dyDescent="0.25">
      <c r="A28" s="41" t="s">
        <v>5</v>
      </c>
      <c r="B28" s="152" t="s">
        <v>127</v>
      </c>
      <c r="C28" s="152"/>
      <c r="D28" s="152"/>
      <c r="E28" s="152"/>
      <c r="F28" s="152"/>
      <c r="G28" s="152"/>
      <c r="H28" s="152"/>
      <c r="I28" s="152"/>
      <c r="J28" s="152"/>
      <c r="K28" s="152"/>
      <c r="L28" s="152"/>
      <c r="M28" s="152"/>
      <c r="N28" s="51"/>
      <c r="O28" s="73" t="s">
        <v>82</v>
      </c>
      <c r="P28" s="51"/>
    </row>
    <row r="29" spans="1:16" ht="12" customHeight="1" x14ac:dyDescent="0.25">
      <c r="A29" s="41" t="s">
        <v>5</v>
      </c>
      <c r="B29" s="148" t="s">
        <v>128</v>
      </c>
      <c r="C29" s="148"/>
      <c r="D29" s="148"/>
      <c r="E29" s="148"/>
      <c r="F29" s="148"/>
      <c r="G29" s="148"/>
      <c r="H29" s="148"/>
      <c r="I29" s="148"/>
      <c r="J29" s="148"/>
      <c r="K29" s="148"/>
      <c r="L29" s="148"/>
      <c r="M29" s="148"/>
      <c r="N29" s="84"/>
      <c r="O29" s="73" t="s">
        <v>82</v>
      </c>
      <c r="P29" s="84"/>
    </row>
    <row r="30" spans="1:16" ht="24" customHeight="1" x14ac:dyDescent="0.25">
      <c r="A30" s="36" t="s">
        <v>5</v>
      </c>
      <c r="B30" s="67" t="s">
        <v>124</v>
      </c>
      <c r="C30" s="50"/>
      <c r="D30" s="50"/>
      <c r="E30" s="50"/>
      <c r="F30" s="50"/>
      <c r="G30" s="50"/>
      <c r="H30" s="50"/>
      <c r="I30" s="49"/>
      <c r="J30" s="50"/>
      <c r="K30" s="49"/>
      <c r="L30" s="49"/>
      <c r="M30" s="49"/>
      <c r="N30" s="151" t="s">
        <v>233</v>
      </c>
      <c r="O30" s="151"/>
      <c r="P30" s="151"/>
    </row>
    <row r="31" spans="1:16" x14ac:dyDescent="0.25">
      <c r="A31" s="36" t="s">
        <v>5</v>
      </c>
      <c r="B31" s="67" t="s">
        <v>123</v>
      </c>
      <c r="C31" s="50"/>
      <c r="D31" s="50"/>
      <c r="E31" s="50"/>
      <c r="F31" s="50"/>
      <c r="G31" s="50"/>
      <c r="H31" s="50"/>
      <c r="I31" s="49"/>
      <c r="J31" s="50"/>
      <c r="K31" s="49"/>
      <c r="L31" s="49"/>
      <c r="M31" s="49"/>
      <c r="N31" s="51"/>
      <c r="O31" s="50" t="s">
        <v>82</v>
      </c>
      <c r="P31" s="51"/>
    </row>
    <row r="32" spans="1:16" x14ac:dyDescent="0.25">
      <c r="A32" s="36"/>
      <c r="B32" s="68" t="s">
        <v>280</v>
      </c>
      <c r="C32" s="50"/>
      <c r="D32" s="50"/>
      <c r="E32" s="50"/>
      <c r="F32" s="50"/>
      <c r="G32" s="50"/>
      <c r="H32" s="50"/>
      <c r="I32" s="49"/>
      <c r="J32" s="50"/>
      <c r="K32" s="49"/>
      <c r="L32" s="49"/>
      <c r="M32" s="49"/>
      <c r="N32" s="51"/>
      <c r="O32" s="51"/>
      <c r="P32" s="51"/>
    </row>
    <row r="33" spans="1:16" x14ac:dyDescent="0.25">
      <c r="I33" s="48"/>
    </row>
    <row r="34" spans="1:16" ht="12" customHeight="1" x14ac:dyDescent="0.25">
      <c r="A34" s="137" t="s">
        <v>20</v>
      </c>
      <c r="B34" s="137"/>
      <c r="C34" s="137"/>
      <c r="D34" s="137"/>
      <c r="E34" s="137"/>
      <c r="F34" s="137"/>
      <c r="G34" s="137"/>
      <c r="H34" s="137"/>
      <c r="I34" s="137"/>
      <c r="J34" s="137"/>
      <c r="K34" s="137"/>
      <c r="L34" s="137"/>
      <c r="M34" s="137"/>
      <c r="N34" s="137"/>
      <c r="O34" s="137"/>
      <c r="P34" s="137"/>
    </row>
    <row r="35" spans="1:16" ht="12" customHeight="1" x14ac:dyDescent="0.25">
      <c r="A35" s="41" t="s">
        <v>5</v>
      </c>
      <c r="B35" s="138" t="s">
        <v>175</v>
      </c>
      <c r="C35" s="138"/>
      <c r="D35" s="138"/>
      <c r="E35" s="138"/>
      <c r="F35" s="138"/>
      <c r="G35" s="138"/>
      <c r="H35" s="138"/>
      <c r="I35" s="138"/>
      <c r="J35" s="138"/>
      <c r="K35" s="138"/>
      <c r="L35" s="138"/>
      <c r="M35" s="138"/>
      <c r="N35" s="52"/>
    </row>
    <row r="36" spans="1:16" x14ac:dyDescent="0.25">
      <c r="A36" s="26" t="s">
        <v>5</v>
      </c>
      <c r="B36" s="141" t="s">
        <v>84</v>
      </c>
      <c r="C36" s="141"/>
      <c r="D36" s="141"/>
      <c r="E36" s="141"/>
      <c r="F36" s="141"/>
      <c r="G36" s="141"/>
      <c r="H36" s="141"/>
      <c r="I36" s="141"/>
      <c r="J36" s="141"/>
      <c r="K36" s="141"/>
      <c r="L36" s="141"/>
      <c r="M36" s="141"/>
      <c r="N36" s="141"/>
      <c r="O36" s="141"/>
      <c r="P36" s="141"/>
    </row>
    <row r="37" spans="1:16" ht="26.25" customHeight="1" x14ac:dyDescent="0.25">
      <c r="A37" s="41" t="s">
        <v>5</v>
      </c>
      <c r="B37" s="144" t="s">
        <v>96</v>
      </c>
      <c r="C37" s="144"/>
      <c r="D37" s="144"/>
      <c r="E37" s="144"/>
      <c r="F37" s="144"/>
      <c r="G37" s="144"/>
      <c r="H37" s="144"/>
      <c r="I37" s="144"/>
      <c r="J37" s="144"/>
      <c r="K37" s="144"/>
      <c r="L37" s="144"/>
      <c r="M37" s="144"/>
      <c r="N37" s="144"/>
      <c r="O37" s="144"/>
      <c r="P37" s="144"/>
    </row>
    <row r="38" spans="1:16" x14ac:dyDescent="0.25">
      <c r="A38" s="41" t="s">
        <v>5</v>
      </c>
      <c r="B38" s="142" t="s">
        <v>67</v>
      </c>
      <c r="C38" s="142"/>
      <c r="D38" s="142"/>
      <c r="E38" s="142"/>
      <c r="F38" s="142"/>
      <c r="G38" s="142"/>
      <c r="H38" s="142"/>
      <c r="I38" s="142"/>
      <c r="J38" s="142"/>
      <c r="K38" s="142"/>
      <c r="L38" s="142"/>
      <c r="M38" s="142"/>
      <c r="N38" s="142"/>
      <c r="O38" s="142"/>
      <c r="P38" s="142"/>
    </row>
    <row r="39" spans="1:16" x14ac:dyDescent="0.25">
      <c r="A39" s="26" t="s">
        <v>5</v>
      </c>
      <c r="B39" s="161" t="s">
        <v>85</v>
      </c>
      <c r="C39" s="161"/>
      <c r="D39" s="161"/>
      <c r="E39" s="161"/>
      <c r="F39" s="161"/>
      <c r="G39" s="161"/>
      <c r="H39" s="161"/>
      <c r="I39" s="161"/>
      <c r="J39" s="161"/>
      <c r="K39" s="161"/>
      <c r="L39" s="161"/>
      <c r="M39" s="161"/>
      <c r="N39" s="161"/>
      <c r="O39" s="161"/>
      <c r="P39" s="161"/>
    </row>
    <row r="40" spans="1:16" x14ac:dyDescent="0.25">
      <c r="A40" s="26" t="s">
        <v>5</v>
      </c>
      <c r="B40" s="161" t="s">
        <v>86</v>
      </c>
      <c r="C40" s="161"/>
      <c r="D40" s="161"/>
      <c r="E40" s="161"/>
      <c r="F40" s="161"/>
      <c r="G40" s="161"/>
      <c r="H40" s="161"/>
      <c r="I40" s="161"/>
      <c r="J40" s="161"/>
      <c r="K40" s="161"/>
      <c r="L40" s="161"/>
      <c r="M40" s="161"/>
      <c r="N40" s="161"/>
      <c r="O40" s="161"/>
      <c r="P40" s="161"/>
    </row>
    <row r="41" spans="1:16" x14ac:dyDescent="0.25">
      <c r="A41" s="26" t="s">
        <v>5</v>
      </c>
      <c r="B41" s="71" t="s">
        <v>26</v>
      </c>
      <c r="C41" s="72"/>
      <c r="D41" s="72"/>
      <c r="E41" s="72"/>
      <c r="F41" s="72"/>
      <c r="G41" s="72"/>
      <c r="H41" s="72"/>
      <c r="I41" s="72"/>
      <c r="J41" s="72"/>
      <c r="K41" s="53"/>
      <c r="L41" s="53"/>
      <c r="M41" s="53"/>
      <c r="N41" s="53"/>
      <c r="O41" s="53"/>
      <c r="P41" s="53"/>
    </row>
    <row r="43" spans="1:16" x14ac:dyDescent="0.25">
      <c r="A43" s="45"/>
      <c r="B43" s="141" t="s">
        <v>21</v>
      </c>
      <c r="C43" s="141"/>
      <c r="D43" s="141"/>
      <c r="E43" s="141"/>
      <c r="F43" s="141"/>
      <c r="G43" s="141"/>
      <c r="H43" s="141"/>
      <c r="I43" s="141"/>
      <c r="J43" s="141"/>
      <c r="K43" s="141"/>
      <c r="L43" s="141"/>
      <c r="M43" s="141"/>
      <c r="N43" s="141"/>
      <c r="O43" s="141"/>
      <c r="P43" s="141"/>
    </row>
    <row r="44" spans="1:16" ht="25.5" customHeight="1" x14ac:dyDescent="0.25">
      <c r="A44" s="93"/>
      <c r="B44" s="139" t="s">
        <v>197</v>
      </c>
      <c r="C44" s="138"/>
      <c r="D44" s="138"/>
      <c r="E44" s="138"/>
      <c r="F44" s="138"/>
      <c r="G44" s="138"/>
      <c r="H44" s="138"/>
      <c r="I44" s="138"/>
      <c r="J44" s="138"/>
      <c r="K44" s="138"/>
      <c r="L44" s="138"/>
      <c r="M44" s="138"/>
      <c r="N44" s="138"/>
      <c r="O44" s="138"/>
      <c r="P44" s="138"/>
    </row>
    <row r="45" spans="1:16" ht="13.5" customHeight="1" x14ac:dyDescent="0.25"/>
    <row r="46" spans="1:16" ht="11.25" customHeight="1" x14ac:dyDescent="0.25">
      <c r="A46" s="137" t="s">
        <v>62</v>
      </c>
      <c r="B46" s="137"/>
      <c r="C46" s="137"/>
      <c r="D46" s="137"/>
      <c r="E46" s="137"/>
      <c r="F46" s="137"/>
      <c r="G46" s="137"/>
      <c r="H46" s="137"/>
      <c r="I46" s="137"/>
      <c r="J46" s="137"/>
      <c r="K46" s="137"/>
      <c r="L46" s="137"/>
      <c r="M46" s="137"/>
      <c r="N46" s="137"/>
      <c r="O46" s="137"/>
      <c r="P46" s="137"/>
    </row>
    <row r="47" spans="1:16" s="53" customFormat="1" x14ac:dyDescent="0.25">
      <c r="A47" s="41" t="s">
        <v>5</v>
      </c>
      <c r="B47" s="134" t="s">
        <v>63</v>
      </c>
      <c r="C47" s="134"/>
      <c r="D47" s="134"/>
      <c r="E47" s="134"/>
      <c r="F47" s="134"/>
      <c r="G47" s="134"/>
      <c r="H47" s="134"/>
      <c r="I47" s="134"/>
      <c r="J47" s="134"/>
      <c r="K47" s="134"/>
      <c r="L47" s="134"/>
      <c r="M47" s="134"/>
      <c r="N47" s="134"/>
      <c r="O47" s="134"/>
      <c r="P47" s="134"/>
    </row>
    <row r="48" spans="1:16" x14ac:dyDescent="0.25">
      <c r="A48" s="41" t="s">
        <v>5</v>
      </c>
      <c r="B48" s="138" t="s">
        <v>139</v>
      </c>
      <c r="C48" s="138"/>
      <c r="D48" s="138"/>
      <c r="E48" s="138"/>
      <c r="F48" s="138"/>
      <c r="G48" s="138"/>
      <c r="H48" s="138"/>
      <c r="I48" s="138"/>
      <c r="J48" s="138"/>
      <c r="K48" s="138"/>
      <c r="L48" s="138"/>
      <c r="M48" s="138"/>
      <c r="N48" s="138"/>
      <c r="O48" s="138"/>
      <c r="P48" s="138"/>
    </row>
    <row r="49" spans="1:16" s="53" customFormat="1" ht="25.5" customHeight="1" x14ac:dyDescent="0.25">
      <c r="A49" s="41" t="s">
        <v>5</v>
      </c>
      <c r="B49" s="134" t="s">
        <v>68</v>
      </c>
      <c r="C49" s="134"/>
      <c r="D49" s="134"/>
      <c r="E49" s="134"/>
      <c r="F49" s="134"/>
      <c r="G49" s="134"/>
      <c r="H49" s="134"/>
      <c r="I49" s="134"/>
      <c r="J49" s="134"/>
      <c r="K49" s="134"/>
      <c r="L49" s="134"/>
      <c r="M49" s="134"/>
      <c r="N49" s="134"/>
      <c r="O49" s="134"/>
      <c r="P49" s="134"/>
    </row>
    <row r="50" spans="1:16" s="53" customFormat="1" ht="12" customHeight="1" x14ac:dyDescent="0.25">
      <c r="A50" s="41" t="s">
        <v>5</v>
      </c>
      <c r="B50" s="134" t="s">
        <v>69</v>
      </c>
      <c r="C50" s="134"/>
      <c r="D50" s="134"/>
      <c r="E50" s="134"/>
      <c r="F50" s="134"/>
      <c r="G50" s="134"/>
      <c r="H50" s="134"/>
      <c r="I50" s="134"/>
      <c r="J50" s="134"/>
      <c r="K50" s="134"/>
      <c r="L50" s="134"/>
      <c r="M50" s="134"/>
      <c r="N50" s="134"/>
      <c r="O50" s="134"/>
      <c r="P50" s="134"/>
    </row>
    <row r="51" spans="1:16" s="53" customFormat="1" x14ac:dyDescent="0.25">
      <c r="A51" s="41" t="s">
        <v>5</v>
      </c>
      <c r="B51" s="135" t="s">
        <v>141</v>
      </c>
      <c r="C51" s="135"/>
      <c r="D51" s="135"/>
      <c r="E51" s="135"/>
      <c r="F51" s="135"/>
      <c r="G51" s="135"/>
      <c r="H51" s="135"/>
      <c r="I51" s="135"/>
      <c r="J51" s="135"/>
      <c r="K51" s="135"/>
      <c r="L51" s="135"/>
      <c r="M51" s="135"/>
      <c r="N51" s="135"/>
      <c r="O51" s="135"/>
      <c r="P51" s="135"/>
    </row>
    <row r="52" spans="1:16" ht="24" customHeight="1" x14ac:dyDescent="0.25">
      <c r="A52" s="41" t="s">
        <v>5</v>
      </c>
      <c r="B52" s="148" t="s">
        <v>140</v>
      </c>
      <c r="C52" s="148"/>
      <c r="D52" s="148"/>
      <c r="E52" s="148"/>
      <c r="F52" s="148"/>
      <c r="G52" s="148"/>
      <c r="H52" s="148"/>
      <c r="I52" s="148"/>
      <c r="J52" s="148"/>
      <c r="K52" s="148"/>
      <c r="L52" s="148"/>
      <c r="M52" s="148"/>
      <c r="N52" s="148"/>
      <c r="O52" s="148"/>
      <c r="P52" s="148"/>
    </row>
    <row r="53" spans="1:16" x14ac:dyDescent="0.25">
      <c r="A53" s="41" t="s">
        <v>5</v>
      </c>
      <c r="B53" s="136" t="s">
        <v>129</v>
      </c>
      <c r="C53" s="136"/>
      <c r="D53" s="136"/>
      <c r="E53" s="136"/>
      <c r="F53" s="136"/>
      <c r="G53" s="136"/>
      <c r="H53" s="136"/>
      <c r="I53" s="136"/>
      <c r="J53" s="136"/>
      <c r="K53" s="136"/>
      <c r="L53" s="136"/>
      <c r="M53" s="136"/>
      <c r="N53" s="136"/>
      <c r="O53" s="136"/>
      <c r="P53" s="136"/>
    </row>
    <row r="54" spans="1:16" x14ac:dyDescent="0.25">
      <c r="A54" s="41" t="s">
        <v>5</v>
      </c>
      <c r="B54" s="136" t="s">
        <v>176</v>
      </c>
      <c r="C54" s="136"/>
      <c r="D54" s="136"/>
      <c r="E54" s="136"/>
      <c r="F54" s="136"/>
      <c r="G54" s="136"/>
      <c r="H54" s="136"/>
      <c r="I54" s="136"/>
      <c r="J54" s="136"/>
      <c r="K54" s="136"/>
      <c r="L54" s="136"/>
      <c r="M54" s="136"/>
      <c r="N54" s="136"/>
      <c r="O54" s="136"/>
      <c r="P54" s="136"/>
    </row>
    <row r="55" spans="1:16" s="53" customFormat="1" x14ac:dyDescent="0.25">
      <c r="A55" s="36" t="s">
        <v>5</v>
      </c>
      <c r="B55" s="147" t="s">
        <v>132</v>
      </c>
      <c r="C55" s="147"/>
      <c r="D55" s="147"/>
      <c r="E55" s="147"/>
      <c r="F55" s="147"/>
      <c r="G55" s="147"/>
      <c r="H55" s="147"/>
      <c r="I55" s="147"/>
      <c r="J55" s="147"/>
      <c r="K55" s="147"/>
      <c r="L55" s="147"/>
      <c r="M55" s="147"/>
      <c r="N55" s="147"/>
      <c r="O55" s="147"/>
      <c r="P55" s="147"/>
    </row>
    <row r="56" spans="1:16" s="49" customFormat="1" ht="12" customHeight="1" x14ac:dyDescent="0.25">
      <c r="A56" s="41" t="s">
        <v>5</v>
      </c>
      <c r="B56" s="147" t="s">
        <v>22</v>
      </c>
      <c r="C56" s="147"/>
      <c r="D56" s="147"/>
      <c r="E56" s="147"/>
      <c r="F56" s="147"/>
      <c r="G56" s="147"/>
      <c r="H56" s="147"/>
      <c r="I56" s="147"/>
      <c r="J56" s="147"/>
      <c r="K56" s="147"/>
      <c r="L56" s="147"/>
      <c r="M56" s="147"/>
      <c r="N56" s="147"/>
      <c r="O56" s="147"/>
      <c r="P56" s="85"/>
    </row>
    <row r="57" spans="1:16" x14ac:dyDescent="0.25">
      <c r="A57" s="41"/>
      <c r="B57" s="54"/>
      <c r="C57" s="54"/>
      <c r="D57" s="54"/>
      <c r="E57" s="54"/>
      <c r="F57" s="54"/>
      <c r="G57" s="54"/>
      <c r="H57" s="54"/>
      <c r="I57" s="54"/>
      <c r="J57" s="54"/>
      <c r="K57" s="54"/>
      <c r="L57" s="54"/>
      <c r="M57" s="54"/>
      <c r="N57" s="54"/>
      <c r="O57" s="54"/>
      <c r="P57" s="54"/>
    </row>
    <row r="58" spans="1:16" ht="11.25" customHeight="1" x14ac:dyDescent="0.25">
      <c r="A58" s="137" t="s">
        <v>134</v>
      </c>
      <c r="B58" s="137"/>
      <c r="C58" s="137"/>
      <c r="D58" s="137"/>
      <c r="E58" s="137"/>
      <c r="F58" s="137"/>
      <c r="G58" s="137"/>
      <c r="H58" s="137"/>
      <c r="I58" s="137"/>
      <c r="J58" s="137"/>
      <c r="K58" s="137"/>
      <c r="L58" s="137"/>
      <c r="M58" s="137"/>
      <c r="N58" s="137"/>
      <c r="O58" s="137"/>
      <c r="P58" s="137"/>
    </row>
    <row r="59" spans="1:16" x14ac:dyDescent="0.25">
      <c r="A59" s="41"/>
      <c r="B59" s="159" t="s">
        <v>90</v>
      </c>
      <c r="C59" s="159"/>
      <c r="D59" s="159"/>
      <c r="E59" s="159"/>
      <c r="F59" s="90"/>
      <c r="G59" s="90"/>
      <c r="H59" s="90"/>
      <c r="I59" s="90"/>
      <c r="J59" s="90"/>
      <c r="K59" s="90"/>
      <c r="L59" s="90"/>
      <c r="M59" s="90"/>
      <c r="N59" s="90"/>
      <c r="O59" s="90"/>
      <c r="P59" s="90"/>
    </row>
    <row r="60" spans="1:16" ht="9" customHeight="1" x14ac:dyDescent="0.25">
      <c r="A60" s="41"/>
      <c r="B60" s="79"/>
      <c r="C60" s="70"/>
      <c r="D60" s="70"/>
      <c r="E60" s="70"/>
      <c r="F60" s="90"/>
      <c r="G60" s="90"/>
      <c r="H60" s="90"/>
      <c r="I60" s="90"/>
      <c r="J60" s="90"/>
      <c r="K60" s="90"/>
      <c r="L60" s="90"/>
      <c r="M60" s="90"/>
      <c r="N60" s="90"/>
      <c r="O60" s="90"/>
      <c r="P60" s="90"/>
    </row>
    <row r="61" spans="1:16" s="49" customFormat="1" ht="25.5" customHeight="1" x14ac:dyDescent="0.25">
      <c r="A61" s="41" t="s">
        <v>5</v>
      </c>
      <c r="B61" s="160" t="s">
        <v>92</v>
      </c>
      <c r="C61" s="160"/>
      <c r="D61" s="160"/>
      <c r="E61" s="160"/>
      <c r="F61" s="160"/>
      <c r="G61" s="160"/>
      <c r="H61" s="160"/>
      <c r="I61" s="160"/>
      <c r="J61" s="160"/>
      <c r="K61" s="160"/>
      <c r="L61" s="160"/>
      <c r="M61" s="160"/>
      <c r="N61" s="160"/>
      <c r="O61" s="160"/>
      <c r="P61" s="160"/>
    </row>
    <row r="62" spans="1:16" s="53" customFormat="1" x14ac:dyDescent="0.25">
      <c r="A62" s="55"/>
      <c r="B62" s="56"/>
      <c r="C62" s="56"/>
      <c r="D62" s="56"/>
      <c r="E62" s="56"/>
      <c r="F62" s="56"/>
      <c r="G62" s="56"/>
      <c r="H62" s="56"/>
      <c r="I62" s="56"/>
      <c r="J62" s="56"/>
      <c r="K62" s="56"/>
      <c r="L62" s="56"/>
      <c r="M62" s="56"/>
      <c r="N62" s="56"/>
      <c r="O62" s="56"/>
      <c r="P62" s="56"/>
    </row>
    <row r="63" spans="1:16" x14ac:dyDescent="0.25">
      <c r="A63" s="41"/>
      <c r="B63" s="82" t="s">
        <v>115</v>
      </c>
      <c r="C63" s="80"/>
      <c r="D63" s="80"/>
      <c r="E63" s="80"/>
      <c r="F63" s="80"/>
      <c r="G63" s="80"/>
      <c r="H63" s="80"/>
      <c r="I63" s="80"/>
      <c r="J63" s="80"/>
      <c r="K63" s="80"/>
      <c r="L63" s="80"/>
      <c r="M63" s="80"/>
      <c r="N63" s="80"/>
      <c r="O63" s="80"/>
      <c r="P63" s="80"/>
    </row>
    <row r="64" spans="1:16" ht="8.25" customHeight="1" x14ac:dyDescent="0.25">
      <c r="A64" s="41"/>
      <c r="B64" s="81"/>
      <c r="C64" s="80"/>
      <c r="D64" s="80"/>
      <c r="E64" s="80"/>
      <c r="F64" s="80"/>
      <c r="G64" s="80"/>
      <c r="H64" s="80"/>
      <c r="I64" s="80"/>
      <c r="J64" s="80"/>
      <c r="K64" s="80"/>
      <c r="L64" s="80"/>
      <c r="M64" s="80"/>
      <c r="N64" s="80"/>
      <c r="O64" s="80"/>
      <c r="P64" s="80"/>
    </row>
    <row r="65" spans="1:256" ht="63" customHeight="1" x14ac:dyDescent="0.25">
      <c r="A65" s="41"/>
      <c r="B65" s="136" t="s">
        <v>232</v>
      </c>
      <c r="C65" s="136"/>
      <c r="D65" s="136"/>
      <c r="E65" s="136"/>
      <c r="F65" s="136"/>
      <c r="G65" s="136"/>
      <c r="H65" s="136"/>
      <c r="I65" s="136"/>
      <c r="J65" s="136"/>
      <c r="K65" s="136"/>
      <c r="L65" s="136"/>
      <c r="M65" s="136"/>
      <c r="N65" s="136"/>
      <c r="O65" s="136"/>
      <c r="P65" s="136"/>
    </row>
    <row r="66" spans="1:256" s="53" customFormat="1" x14ac:dyDescent="0.25">
      <c r="A66" s="55"/>
      <c r="B66" s="57"/>
      <c r="C66" s="57"/>
      <c r="D66" s="57"/>
      <c r="E66" s="57"/>
      <c r="F66" s="57"/>
      <c r="G66" s="57"/>
      <c r="H66" s="57"/>
      <c r="I66" s="57"/>
      <c r="J66" s="57"/>
      <c r="K66" s="57"/>
      <c r="L66" s="57"/>
      <c r="M66" s="57"/>
      <c r="N66" s="57"/>
      <c r="O66" s="57"/>
      <c r="P66" s="57"/>
    </row>
    <row r="67" spans="1:256" ht="12" customHeight="1" x14ac:dyDescent="0.25">
      <c r="A67" s="137" t="s">
        <v>27</v>
      </c>
      <c r="B67" s="137"/>
      <c r="C67" s="137"/>
      <c r="D67" s="137"/>
      <c r="E67" s="137"/>
      <c r="F67" s="137"/>
      <c r="G67" s="137"/>
      <c r="H67" s="137"/>
      <c r="I67" s="137"/>
      <c r="J67" s="137"/>
      <c r="K67" s="137"/>
      <c r="L67" s="137"/>
      <c r="M67" s="137"/>
      <c r="N67" s="137"/>
      <c r="O67" s="137"/>
      <c r="P67" s="137"/>
    </row>
    <row r="69" spans="1:256" ht="29.25" customHeight="1" x14ac:dyDescent="0.25">
      <c r="B69" s="140" t="s">
        <v>137</v>
      </c>
      <c r="C69" s="140"/>
      <c r="D69" s="129" t="s">
        <v>133</v>
      </c>
      <c r="E69" s="127"/>
      <c r="F69" s="127"/>
      <c r="G69" s="127"/>
      <c r="H69" s="127"/>
      <c r="I69" s="127"/>
      <c r="J69" s="127"/>
      <c r="K69" s="127"/>
      <c r="L69" s="127"/>
      <c r="M69" s="127"/>
      <c r="N69" s="127"/>
      <c r="O69" s="127"/>
    </row>
    <row r="70" spans="1:256" ht="14.4" x14ac:dyDescent="0.3">
      <c r="B70" s="157" t="s">
        <v>93</v>
      </c>
      <c r="C70" s="157"/>
      <c r="D70" s="111">
        <v>400</v>
      </c>
      <c r="E70" s="184"/>
      <c r="F70" s="184"/>
      <c r="G70" s="184"/>
      <c r="H70" s="184"/>
      <c r="I70" s="184"/>
      <c r="J70" s="184"/>
      <c r="K70" s="184"/>
      <c r="L70" s="184"/>
      <c r="M70" s="184"/>
      <c r="N70" s="184"/>
      <c r="O70" s="184"/>
    </row>
    <row r="72" spans="1:256" s="49" customFormat="1" ht="12" customHeight="1" x14ac:dyDescent="0.25">
      <c r="A72" s="137" t="s">
        <v>138</v>
      </c>
      <c r="B72" s="137"/>
      <c r="C72" s="137"/>
      <c r="D72" s="137"/>
      <c r="E72" s="137"/>
      <c r="F72" s="137"/>
      <c r="G72" s="137"/>
      <c r="H72" s="137"/>
      <c r="I72" s="137"/>
      <c r="J72" s="137"/>
      <c r="K72" s="137"/>
      <c r="L72" s="137"/>
      <c r="M72" s="137"/>
      <c r="N72" s="137"/>
      <c r="O72" s="137"/>
      <c r="P72" s="137"/>
      <c r="Q72" s="156" t="s">
        <v>27</v>
      </c>
      <c r="R72" s="156"/>
      <c r="S72" s="156"/>
      <c r="T72" s="156"/>
      <c r="U72" s="156"/>
      <c r="V72" s="156"/>
      <c r="W72" s="156"/>
      <c r="X72" s="156"/>
      <c r="Y72" s="156"/>
      <c r="Z72" s="156"/>
      <c r="AA72" s="156"/>
      <c r="AB72" s="156"/>
      <c r="AC72" s="156"/>
      <c r="AD72" s="156"/>
      <c r="AE72" s="156"/>
      <c r="AF72" s="156"/>
      <c r="AG72" s="156" t="s">
        <v>27</v>
      </c>
      <c r="AH72" s="156"/>
      <c r="AI72" s="156"/>
      <c r="AJ72" s="156"/>
      <c r="AK72" s="156"/>
      <c r="AL72" s="156"/>
      <c r="AM72" s="156"/>
      <c r="AN72" s="156"/>
      <c r="AO72" s="156"/>
      <c r="AP72" s="156"/>
      <c r="AQ72" s="156"/>
      <c r="AR72" s="156"/>
      <c r="AS72" s="156"/>
      <c r="AT72" s="156"/>
      <c r="AU72" s="156"/>
      <c r="AV72" s="156"/>
      <c r="AW72" s="156" t="s">
        <v>27</v>
      </c>
      <c r="AX72" s="156"/>
      <c r="AY72" s="156"/>
      <c r="AZ72" s="156"/>
      <c r="BA72" s="156"/>
      <c r="BB72" s="156"/>
      <c r="BC72" s="156"/>
      <c r="BD72" s="156"/>
      <c r="BE72" s="156"/>
      <c r="BF72" s="156"/>
      <c r="BG72" s="156"/>
      <c r="BH72" s="156"/>
      <c r="BI72" s="156"/>
      <c r="BJ72" s="156"/>
      <c r="BK72" s="156"/>
      <c r="BL72" s="156"/>
      <c r="BM72" s="156" t="s">
        <v>27</v>
      </c>
      <c r="BN72" s="156"/>
      <c r="BO72" s="156"/>
      <c r="BP72" s="156"/>
      <c r="BQ72" s="156"/>
      <c r="BR72" s="156"/>
      <c r="BS72" s="156"/>
      <c r="BT72" s="156"/>
      <c r="BU72" s="156"/>
      <c r="BV72" s="156"/>
      <c r="BW72" s="156"/>
      <c r="BX72" s="156"/>
      <c r="BY72" s="156"/>
      <c r="BZ72" s="156"/>
      <c r="CA72" s="156"/>
      <c r="CB72" s="156"/>
      <c r="CC72" s="156" t="s">
        <v>27</v>
      </c>
      <c r="CD72" s="156"/>
      <c r="CE72" s="156"/>
      <c r="CF72" s="156"/>
      <c r="CG72" s="156"/>
      <c r="CH72" s="156"/>
      <c r="CI72" s="156"/>
      <c r="CJ72" s="156"/>
      <c r="CK72" s="156"/>
      <c r="CL72" s="156"/>
      <c r="CM72" s="156"/>
      <c r="CN72" s="156"/>
      <c r="CO72" s="156"/>
      <c r="CP72" s="156"/>
      <c r="CQ72" s="156"/>
      <c r="CR72" s="156"/>
      <c r="CS72" s="156" t="s">
        <v>27</v>
      </c>
      <c r="CT72" s="156"/>
      <c r="CU72" s="156"/>
      <c r="CV72" s="156"/>
      <c r="CW72" s="156"/>
      <c r="CX72" s="156"/>
      <c r="CY72" s="156"/>
      <c r="CZ72" s="156"/>
      <c r="DA72" s="156"/>
      <c r="DB72" s="156"/>
      <c r="DC72" s="156"/>
      <c r="DD72" s="156"/>
      <c r="DE72" s="156"/>
      <c r="DF72" s="156"/>
      <c r="DG72" s="156"/>
      <c r="DH72" s="156"/>
      <c r="DI72" s="156" t="s">
        <v>27</v>
      </c>
      <c r="DJ72" s="156"/>
      <c r="DK72" s="156"/>
      <c r="DL72" s="156"/>
      <c r="DM72" s="156"/>
      <c r="DN72" s="156"/>
      <c r="DO72" s="156"/>
      <c r="DP72" s="156"/>
      <c r="DQ72" s="156"/>
      <c r="DR72" s="156"/>
      <c r="DS72" s="156"/>
      <c r="DT72" s="156"/>
      <c r="DU72" s="156"/>
      <c r="DV72" s="156"/>
      <c r="DW72" s="156"/>
      <c r="DX72" s="156"/>
      <c r="DY72" s="156" t="s">
        <v>27</v>
      </c>
      <c r="DZ72" s="156"/>
      <c r="EA72" s="156"/>
      <c r="EB72" s="156"/>
      <c r="EC72" s="156"/>
      <c r="ED72" s="156"/>
      <c r="EE72" s="156"/>
      <c r="EF72" s="156"/>
      <c r="EG72" s="156"/>
      <c r="EH72" s="156"/>
      <c r="EI72" s="156"/>
      <c r="EJ72" s="156"/>
      <c r="EK72" s="156"/>
      <c r="EL72" s="156"/>
      <c r="EM72" s="156"/>
      <c r="EN72" s="156"/>
      <c r="EO72" s="156" t="s">
        <v>27</v>
      </c>
      <c r="EP72" s="156"/>
      <c r="EQ72" s="156"/>
      <c r="ER72" s="156"/>
      <c r="ES72" s="156"/>
      <c r="ET72" s="156"/>
      <c r="EU72" s="156"/>
      <c r="EV72" s="156"/>
      <c r="EW72" s="156"/>
      <c r="EX72" s="156"/>
      <c r="EY72" s="156"/>
      <c r="EZ72" s="156"/>
      <c r="FA72" s="156"/>
      <c r="FB72" s="156"/>
      <c r="FC72" s="156"/>
      <c r="FD72" s="156"/>
      <c r="FE72" s="156" t="s">
        <v>27</v>
      </c>
      <c r="FF72" s="156"/>
      <c r="FG72" s="156"/>
      <c r="FH72" s="156"/>
      <c r="FI72" s="156"/>
      <c r="FJ72" s="156"/>
      <c r="FK72" s="156"/>
      <c r="FL72" s="156"/>
      <c r="FM72" s="156"/>
      <c r="FN72" s="156"/>
      <c r="FO72" s="156"/>
      <c r="FP72" s="156"/>
      <c r="FQ72" s="156"/>
      <c r="FR72" s="156"/>
      <c r="FS72" s="156"/>
      <c r="FT72" s="156"/>
      <c r="FU72" s="156" t="s">
        <v>27</v>
      </c>
      <c r="FV72" s="156"/>
      <c r="FW72" s="156"/>
      <c r="FX72" s="156"/>
      <c r="FY72" s="156"/>
      <c r="FZ72" s="156"/>
      <c r="GA72" s="156"/>
      <c r="GB72" s="156"/>
      <c r="GC72" s="156"/>
      <c r="GD72" s="156"/>
      <c r="GE72" s="156"/>
      <c r="GF72" s="156"/>
      <c r="GG72" s="156"/>
      <c r="GH72" s="156"/>
      <c r="GI72" s="156"/>
      <c r="GJ72" s="156"/>
      <c r="GK72" s="156" t="s">
        <v>27</v>
      </c>
      <c r="GL72" s="156"/>
      <c r="GM72" s="156"/>
      <c r="GN72" s="156"/>
      <c r="GO72" s="156"/>
      <c r="GP72" s="156"/>
      <c r="GQ72" s="156"/>
      <c r="GR72" s="156"/>
      <c r="GS72" s="156"/>
      <c r="GT72" s="156"/>
      <c r="GU72" s="156"/>
      <c r="GV72" s="156"/>
      <c r="GW72" s="156"/>
      <c r="GX72" s="156"/>
      <c r="GY72" s="156"/>
      <c r="GZ72" s="156"/>
      <c r="HA72" s="156" t="s">
        <v>27</v>
      </c>
      <c r="HB72" s="156"/>
      <c r="HC72" s="156"/>
      <c r="HD72" s="156"/>
      <c r="HE72" s="156"/>
      <c r="HF72" s="156"/>
      <c r="HG72" s="156"/>
      <c r="HH72" s="156"/>
      <c r="HI72" s="156"/>
      <c r="HJ72" s="156"/>
      <c r="HK72" s="156"/>
      <c r="HL72" s="156"/>
      <c r="HM72" s="156"/>
      <c r="HN72" s="156"/>
      <c r="HO72" s="156"/>
      <c r="HP72" s="156"/>
      <c r="HQ72" s="156" t="s">
        <v>27</v>
      </c>
      <c r="HR72" s="156"/>
      <c r="HS72" s="156"/>
      <c r="HT72" s="156"/>
      <c r="HU72" s="156"/>
      <c r="HV72" s="156"/>
      <c r="HW72" s="156"/>
      <c r="HX72" s="156"/>
      <c r="HY72" s="156"/>
      <c r="HZ72" s="156"/>
      <c r="IA72" s="156"/>
      <c r="IB72" s="156"/>
      <c r="IC72" s="156"/>
      <c r="ID72" s="156"/>
      <c r="IE72" s="156"/>
      <c r="IF72" s="156"/>
      <c r="IG72" s="156" t="s">
        <v>27</v>
      </c>
      <c r="IH72" s="156"/>
      <c r="II72" s="156"/>
      <c r="IJ72" s="156"/>
      <c r="IK72" s="156"/>
      <c r="IL72" s="156"/>
      <c r="IM72" s="156"/>
      <c r="IN72" s="156"/>
      <c r="IO72" s="156"/>
      <c r="IP72" s="156"/>
      <c r="IQ72" s="156"/>
      <c r="IR72" s="156"/>
      <c r="IS72" s="156"/>
      <c r="IT72" s="156"/>
      <c r="IU72" s="156"/>
      <c r="IV72" s="156"/>
    </row>
    <row r="73" spans="1:256" x14ac:dyDescent="0.25">
      <c r="A73" s="26" t="s">
        <v>5</v>
      </c>
      <c r="B73" s="45" t="s">
        <v>31</v>
      </c>
    </row>
    <row r="74" spans="1:256" x14ac:dyDescent="0.25">
      <c r="B74" s="45"/>
      <c r="C74" s="60"/>
    </row>
    <row r="75" spans="1:256" x14ac:dyDescent="0.25">
      <c r="D75" s="61"/>
      <c r="E75" s="61"/>
      <c r="F75" s="61"/>
      <c r="G75" s="61"/>
      <c r="H75" s="61"/>
      <c r="I75" s="61"/>
      <c r="J75" s="61"/>
      <c r="K75" s="61"/>
      <c r="L75" s="61"/>
      <c r="M75" s="61"/>
      <c r="N75" s="61"/>
      <c r="O75" s="61"/>
    </row>
    <row r="78" spans="1:256" x14ac:dyDescent="0.25">
      <c r="D78" s="62"/>
    </row>
    <row r="160" spans="1:256" s="26" customFormat="1" x14ac:dyDescent="0.25">
      <c r="A160" s="63"/>
      <c r="B160" s="63"/>
      <c r="C160" s="63"/>
      <c r="D160" s="63"/>
      <c r="E160" s="63"/>
      <c r="F160" s="63"/>
      <c r="G160" s="63"/>
      <c r="H160" s="63"/>
      <c r="I160" s="63"/>
      <c r="K160" s="28"/>
      <c r="L160" s="28"/>
      <c r="M160" s="28"/>
      <c r="N160" s="28"/>
      <c r="O160" s="28"/>
      <c r="P160" s="28"/>
      <c r="Q160" s="28"/>
      <c r="R160" s="28"/>
      <c r="S160" s="28"/>
      <c r="T160" s="28"/>
      <c r="U160" s="28"/>
      <c r="V160" s="28"/>
      <c r="W160" s="28"/>
      <c r="X160" s="28"/>
      <c r="Y160" s="28"/>
      <c r="Z160" s="28"/>
      <c r="AA160" s="28"/>
      <c r="AB160" s="28"/>
      <c r="AC160" s="28"/>
      <c r="AD160" s="28"/>
      <c r="AE160" s="28"/>
      <c r="AF160" s="28"/>
      <c r="AG160" s="28"/>
      <c r="AH160" s="28"/>
      <c r="AI160" s="28"/>
      <c r="AJ160" s="28"/>
      <c r="AK160" s="28"/>
      <c r="AL160" s="28"/>
      <c r="AM160" s="28"/>
      <c r="AN160" s="28"/>
      <c r="AO160" s="28"/>
      <c r="AP160" s="28"/>
      <c r="AQ160" s="28"/>
      <c r="AR160" s="28"/>
      <c r="AS160" s="28"/>
      <c r="AT160" s="28"/>
      <c r="AU160" s="28"/>
      <c r="AV160" s="28"/>
      <c r="AW160" s="28"/>
      <c r="AX160" s="28"/>
      <c r="AY160" s="28"/>
      <c r="AZ160" s="28"/>
      <c r="BA160" s="28"/>
      <c r="BB160" s="28"/>
      <c r="BC160" s="28"/>
      <c r="BD160" s="28"/>
      <c r="BE160" s="28"/>
      <c r="BF160" s="28"/>
      <c r="BG160" s="28"/>
      <c r="BH160" s="28"/>
      <c r="BI160" s="28"/>
      <c r="BJ160" s="28"/>
      <c r="BK160" s="28"/>
      <c r="BL160" s="28"/>
      <c r="BM160" s="28"/>
      <c r="BN160" s="28"/>
      <c r="BO160" s="28"/>
      <c r="BP160" s="28"/>
      <c r="BQ160" s="28"/>
      <c r="BR160" s="28"/>
      <c r="BS160" s="28"/>
      <c r="BT160" s="28"/>
      <c r="BU160" s="28"/>
      <c r="BV160" s="28"/>
      <c r="BW160" s="28"/>
      <c r="BX160" s="28"/>
      <c r="BY160" s="28"/>
      <c r="BZ160" s="28"/>
      <c r="CA160" s="28"/>
      <c r="CB160" s="28"/>
      <c r="CC160" s="28"/>
      <c r="CD160" s="28"/>
      <c r="CE160" s="28"/>
      <c r="CF160" s="28"/>
      <c r="CG160" s="28"/>
      <c r="CH160" s="28"/>
      <c r="CI160" s="28"/>
      <c r="CJ160" s="28"/>
      <c r="CK160" s="28"/>
      <c r="CL160" s="28"/>
      <c r="CM160" s="28"/>
      <c r="CN160" s="28"/>
      <c r="CO160" s="28"/>
      <c r="CP160" s="28"/>
      <c r="CQ160" s="28"/>
      <c r="CR160" s="28"/>
      <c r="CS160" s="28"/>
      <c r="CT160" s="28"/>
      <c r="CU160" s="28"/>
      <c r="CV160" s="28"/>
      <c r="CW160" s="28"/>
      <c r="CX160" s="28"/>
      <c r="CY160" s="28"/>
      <c r="CZ160" s="28"/>
      <c r="DA160" s="28"/>
      <c r="DB160" s="28"/>
      <c r="DC160" s="28"/>
      <c r="DD160" s="28"/>
      <c r="DE160" s="28"/>
      <c r="DF160" s="28"/>
      <c r="DG160" s="28"/>
      <c r="DH160" s="28"/>
      <c r="DI160" s="28"/>
      <c r="DJ160" s="28"/>
      <c r="DK160" s="28"/>
      <c r="DL160" s="28"/>
      <c r="DM160" s="28"/>
      <c r="DN160" s="28"/>
      <c r="DO160" s="28"/>
      <c r="DP160" s="28"/>
      <c r="DQ160" s="28"/>
      <c r="DR160" s="28"/>
      <c r="DS160" s="28"/>
      <c r="DT160" s="28"/>
      <c r="DU160" s="28"/>
      <c r="DV160" s="28"/>
      <c r="DW160" s="28"/>
      <c r="DX160" s="28"/>
      <c r="DY160" s="28"/>
      <c r="DZ160" s="28"/>
      <c r="EA160" s="28"/>
      <c r="EB160" s="28"/>
      <c r="EC160" s="28"/>
      <c r="ED160" s="28"/>
      <c r="EE160" s="28"/>
      <c r="EF160" s="28"/>
      <c r="EG160" s="28"/>
      <c r="EH160" s="28"/>
      <c r="EI160" s="28"/>
      <c r="EJ160" s="28"/>
      <c r="EK160" s="28"/>
      <c r="EL160" s="28"/>
      <c r="EM160" s="28"/>
      <c r="EN160" s="28"/>
      <c r="EO160" s="28"/>
      <c r="EP160" s="28"/>
      <c r="EQ160" s="28"/>
      <c r="ER160" s="28"/>
      <c r="ES160" s="28"/>
      <c r="ET160" s="28"/>
      <c r="EU160" s="28"/>
      <c r="EV160" s="28"/>
      <c r="EW160" s="28"/>
      <c r="EX160" s="28"/>
      <c r="EY160" s="28"/>
      <c r="EZ160" s="28"/>
      <c r="FA160" s="28"/>
      <c r="FB160" s="28"/>
      <c r="FC160" s="28"/>
      <c r="FD160" s="28"/>
      <c r="FE160" s="28"/>
      <c r="FF160" s="28"/>
      <c r="FG160" s="28"/>
      <c r="FH160" s="28"/>
      <c r="FI160" s="28"/>
      <c r="FJ160" s="28"/>
      <c r="FK160" s="28"/>
      <c r="FL160" s="28"/>
      <c r="FM160" s="28"/>
      <c r="FN160" s="28"/>
      <c r="FO160" s="28"/>
      <c r="FP160" s="28"/>
      <c r="FQ160" s="28"/>
      <c r="FR160" s="28"/>
      <c r="FS160" s="28"/>
      <c r="FT160" s="28"/>
      <c r="FU160" s="28"/>
      <c r="FV160" s="28"/>
      <c r="FW160" s="28"/>
      <c r="FX160" s="28"/>
      <c r="FY160" s="28"/>
      <c r="FZ160" s="28"/>
      <c r="GA160" s="28"/>
      <c r="GB160" s="28"/>
      <c r="GC160" s="28"/>
      <c r="GD160" s="28"/>
      <c r="GE160" s="28"/>
      <c r="GF160" s="28"/>
      <c r="GG160" s="28"/>
      <c r="GH160" s="28"/>
      <c r="GI160" s="28"/>
      <c r="GJ160" s="28"/>
      <c r="GK160" s="28"/>
      <c r="GL160" s="28"/>
      <c r="GM160" s="28"/>
      <c r="GN160" s="28"/>
      <c r="GO160" s="28"/>
      <c r="GP160" s="28"/>
      <c r="GQ160" s="28"/>
      <c r="GR160" s="28"/>
      <c r="GS160" s="28"/>
      <c r="GT160" s="28"/>
      <c r="GU160" s="28"/>
      <c r="GV160" s="28"/>
      <c r="GW160" s="28"/>
      <c r="GX160" s="28"/>
      <c r="GY160" s="28"/>
      <c r="GZ160" s="28"/>
      <c r="HA160" s="28"/>
      <c r="HB160" s="28"/>
      <c r="HC160" s="28"/>
      <c r="HD160" s="28"/>
      <c r="HE160" s="28"/>
      <c r="HF160" s="28"/>
      <c r="HG160" s="28"/>
      <c r="HH160" s="28"/>
      <c r="HI160" s="28"/>
      <c r="HJ160" s="28"/>
      <c r="HK160" s="28"/>
      <c r="HL160" s="28"/>
      <c r="HM160" s="28"/>
      <c r="HN160" s="28"/>
      <c r="HO160" s="28"/>
      <c r="HP160" s="28"/>
      <c r="HQ160" s="28"/>
      <c r="HR160" s="28"/>
      <c r="HS160" s="28"/>
      <c r="HT160" s="28"/>
      <c r="HU160" s="28"/>
      <c r="HV160" s="28"/>
      <c r="HW160" s="28"/>
      <c r="HX160" s="28"/>
      <c r="HY160" s="28"/>
      <c r="HZ160" s="28"/>
      <c r="IA160" s="28"/>
      <c r="IB160" s="28"/>
      <c r="IC160" s="28"/>
      <c r="ID160" s="28"/>
      <c r="IE160" s="28"/>
      <c r="IF160" s="28"/>
      <c r="IG160" s="28"/>
      <c r="IH160" s="28"/>
      <c r="II160" s="28"/>
      <c r="IJ160" s="28"/>
      <c r="IK160" s="28"/>
      <c r="IL160" s="28"/>
      <c r="IM160" s="28"/>
      <c r="IN160" s="28"/>
      <c r="IO160" s="28"/>
      <c r="IP160" s="28"/>
      <c r="IQ160" s="28"/>
      <c r="IR160" s="28"/>
      <c r="IS160" s="28"/>
      <c r="IT160" s="28"/>
      <c r="IU160" s="28"/>
      <c r="IV160" s="28"/>
    </row>
  </sheetData>
  <mergeCells count="52">
    <mergeCell ref="B36:P36"/>
    <mergeCell ref="B37:P37"/>
    <mergeCell ref="A58:P58"/>
    <mergeCell ref="B44:P44"/>
    <mergeCell ref="B38:P38"/>
    <mergeCell ref="B43:P43"/>
    <mergeCell ref="B39:P39"/>
    <mergeCell ref="B40:P40"/>
    <mergeCell ref="B55:P55"/>
    <mergeCell ref="B56:O56"/>
    <mergeCell ref="A46:P46"/>
    <mergeCell ref="B47:P47"/>
    <mergeCell ref="B48:P48"/>
    <mergeCell ref="B49:P49"/>
    <mergeCell ref="B50:P50"/>
    <mergeCell ref="B51:P51"/>
    <mergeCell ref="A4:P4"/>
    <mergeCell ref="A9:P9"/>
    <mergeCell ref="B12:M12"/>
    <mergeCell ref="B20:M20"/>
    <mergeCell ref="B21:M21"/>
    <mergeCell ref="A24:P24"/>
    <mergeCell ref="B28:M28"/>
    <mergeCell ref="B29:M29"/>
    <mergeCell ref="N30:P30"/>
    <mergeCell ref="A34:P34"/>
    <mergeCell ref="B35:M35"/>
    <mergeCell ref="IG72:IV72"/>
    <mergeCell ref="DI72:DX72"/>
    <mergeCell ref="DY72:EN72"/>
    <mergeCell ref="EO72:FD72"/>
    <mergeCell ref="FE72:FT72"/>
    <mergeCell ref="FU72:GJ72"/>
    <mergeCell ref="GK72:GZ72"/>
    <mergeCell ref="BM72:CB72"/>
    <mergeCell ref="CC72:CR72"/>
    <mergeCell ref="CS72:DH72"/>
    <mergeCell ref="HA72:HP72"/>
    <mergeCell ref="HQ72:IF72"/>
    <mergeCell ref="Q72:AF72"/>
    <mergeCell ref="AG72:AV72"/>
    <mergeCell ref="AW72:BL72"/>
    <mergeCell ref="B52:P52"/>
    <mergeCell ref="B54:P54"/>
    <mergeCell ref="B69:C69"/>
    <mergeCell ref="B70:C70"/>
    <mergeCell ref="A72:P72"/>
    <mergeCell ref="B53:P53"/>
    <mergeCell ref="B65:P65"/>
    <mergeCell ref="A67:P67"/>
    <mergeCell ref="B59:E59"/>
    <mergeCell ref="B61:P61"/>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7">
    <pageSetUpPr fitToPage="1"/>
  </sheetPr>
  <dimension ref="A3:IV157"/>
  <sheetViews>
    <sheetView showGridLines="0" topLeftCell="A34" workbookViewId="0">
      <selection activeCell="B31" sqref="B31"/>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9" t="s">
        <v>56</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50" t="s">
        <v>73</v>
      </c>
      <c r="C12" s="150"/>
      <c r="D12" s="150"/>
      <c r="E12" s="150"/>
      <c r="F12" s="150"/>
      <c r="G12" s="150"/>
      <c r="H12" s="150"/>
      <c r="I12" s="150"/>
      <c r="J12" s="150"/>
      <c r="K12" s="150"/>
      <c r="L12" s="150"/>
      <c r="M12" s="150"/>
      <c r="O12" s="42">
        <v>20000</v>
      </c>
      <c r="P12" s="43" t="s">
        <v>9</v>
      </c>
    </row>
    <row r="13" spans="1:16" x14ac:dyDescent="0.25">
      <c r="A13" s="26" t="s">
        <v>5</v>
      </c>
      <c r="B13" s="45" t="s">
        <v>72</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8" t="s">
        <v>13</v>
      </c>
      <c r="C18" s="138"/>
      <c r="D18" s="138"/>
      <c r="E18" s="138"/>
      <c r="F18" s="138"/>
      <c r="G18" s="138"/>
      <c r="H18" s="138"/>
      <c r="I18" s="138"/>
      <c r="J18" s="138"/>
      <c r="K18" s="138"/>
      <c r="L18" s="138"/>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34" t="s">
        <v>91</v>
      </c>
      <c r="C22" s="134"/>
      <c r="D22" s="134"/>
      <c r="E22" s="134"/>
      <c r="F22" s="134"/>
      <c r="G22" s="134"/>
      <c r="H22" s="134"/>
      <c r="I22" s="134"/>
      <c r="J22" s="134"/>
      <c r="K22" s="134"/>
      <c r="L22" s="134"/>
      <c r="M22" s="134"/>
      <c r="N22" s="46"/>
      <c r="O22" s="42">
        <v>50000</v>
      </c>
    </row>
    <row r="23" spans="1:16" x14ac:dyDescent="0.25">
      <c r="A23" s="26" t="s">
        <v>5</v>
      </c>
      <c r="B23" s="45" t="s">
        <v>16</v>
      </c>
      <c r="I23" s="28"/>
      <c r="O23" s="36" t="s">
        <v>7</v>
      </c>
    </row>
    <row r="25" spans="1:16" ht="12" customHeight="1" x14ac:dyDescent="0.25">
      <c r="A25" s="137" t="s">
        <v>17</v>
      </c>
      <c r="B25" s="137"/>
      <c r="C25" s="137"/>
      <c r="D25" s="137"/>
      <c r="E25" s="137"/>
      <c r="F25" s="137"/>
      <c r="G25" s="137"/>
      <c r="H25" s="137"/>
      <c r="I25" s="137"/>
      <c r="J25" s="137"/>
      <c r="K25" s="137"/>
      <c r="L25" s="137"/>
      <c r="M25" s="137"/>
      <c r="N25" s="137"/>
      <c r="O25" s="137"/>
      <c r="P25" s="137"/>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6</v>
      </c>
      <c r="I28" s="28"/>
      <c r="O28" s="50" t="s">
        <v>82</v>
      </c>
    </row>
    <row r="29" spans="1:16" x14ac:dyDescent="0.25">
      <c r="A29" s="41" t="s">
        <v>5</v>
      </c>
      <c r="B29" s="152" t="s">
        <v>127</v>
      </c>
      <c r="C29" s="152"/>
      <c r="D29" s="152"/>
      <c r="E29" s="152"/>
      <c r="F29" s="152"/>
      <c r="G29" s="152"/>
      <c r="H29" s="152"/>
      <c r="I29" s="152"/>
      <c r="J29" s="152"/>
      <c r="K29" s="152"/>
      <c r="L29" s="152"/>
      <c r="M29" s="152"/>
      <c r="N29" s="51"/>
      <c r="O29" s="73" t="s">
        <v>82</v>
      </c>
      <c r="P29" s="51"/>
    </row>
    <row r="30" spans="1:16" ht="12" customHeight="1" x14ac:dyDescent="0.25">
      <c r="A30" s="41" t="s">
        <v>5</v>
      </c>
      <c r="B30" s="148" t="s">
        <v>128</v>
      </c>
      <c r="C30" s="148"/>
      <c r="D30" s="148"/>
      <c r="E30" s="148"/>
      <c r="F30" s="148"/>
      <c r="G30" s="148"/>
      <c r="H30" s="148"/>
      <c r="I30" s="148"/>
      <c r="J30" s="148"/>
      <c r="K30" s="148"/>
      <c r="L30" s="148"/>
      <c r="M30" s="148"/>
      <c r="N30" s="84"/>
      <c r="O30" s="73" t="s">
        <v>82</v>
      </c>
      <c r="P30" s="84"/>
    </row>
    <row r="31" spans="1:16" x14ac:dyDescent="0.25">
      <c r="A31" s="36"/>
      <c r="B31" s="68" t="s">
        <v>280</v>
      </c>
      <c r="C31" s="50"/>
      <c r="D31" s="50"/>
      <c r="E31" s="50"/>
      <c r="F31" s="50"/>
      <c r="G31" s="50"/>
      <c r="H31" s="50"/>
      <c r="I31" s="49"/>
      <c r="J31" s="50"/>
      <c r="K31" s="49"/>
      <c r="L31" s="49"/>
      <c r="M31" s="49"/>
      <c r="N31" s="51"/>
      <c r="O31" s="51"/>
      <c r="P31" s="51"/>
    </row>
    <row r="32" spans="1:16" x14ac:dyDescent="0.25">
      <c r="I32" s="48"/>
    </row>
    <row r="33" spans="1:16" ht="12" customHeight="1" x14ac:dyDescent="0.25">
      <c r="A33" s="137" t="s">
        <v>20</v>
      </c>
      <c r="B33" s="137"/>
      <c r="C33" s="137"/>
      <c r="D33" s="137"/>
      <c r="E33" s="137"/>
      <c r="F33" s="137"/>
      <c r="G33" s="137"/>
      <c r="H33" s="137"/>
      <c r="I33" s="137"/>
      <c r="J33" s="137"/>
      <c r="K33" s="137"/>
      <c r="L33" s="137"/>
      <c r="M33" s="137"/>
      <c r="N33" s="137"/>
      <c r="O33" s="137"/>
      <c r="P33" s="137"/>
    </row>
    <row r="34" spans="1:16" ht="12" customHeight="1" x14ac:dyDescent="0.25">
      <c r="A34" s="41" t="s">
        <v>5</v>
      </c>
      <c r="B34" s="138" t="s">
        <v>87</v>
      </c>
      <c r="C34" s="138"/>
      <c r="D34" s="138"/>
      <c r="E34" s="138"/>
      <c r="F34" s="138"/>
      <c r="G34" s="138"/>
      <c r="H34" s="138"/>
      <c r="I34" s="138"/>
      <c r="J34" s="138"/>
      <c r="K34" s="138"/>
      <c r="L34" s="138"/>
      <c r="M34" s="138"/>
      <c r="N34" s="52"/>
    </row>
    <row r="35" spans="1:16" ht="12" customHeight="1" x14ac:dyDescent="0.25">
      <c r="A35" s="41" t="s">
        <v>5</v>
      </c>
      <c r="B35" s="138" t="s">
        <v>222</v>
      </c>
      <c r="C35" s="138"/>
      <c r="D35" s="138"/>
      <c r="E35" s="138"/>
      <c r="F35" s="138"/>
      <c r="G35" s="138"/>
      <c r="H35" s="138"/>
      <c r="I35" s="138"/>
      <c r="J35" s="138"/>
      <c r="K35" s="138"/>
      <c r="L35" s="138"/>
      <c r="M35" s="138"/>
      <c r="N35" s="138"/>
      <c r="O35" s="138"/>
      <c r="P35" s="138"/>
    </row>
    <row r="36" spans="1:16" x14ac:dyDescent="0.25">
      <c r="A36" s="26" t="s">
        <v>5</v>
      </c>
      <c r="B36" s="138" t="s">
        <v>223</v>
      </c>
      <c r="C36" s="138"/>
      <c r="D36" s="138"/>
      <c r="E36" s="138"/>
      <c r="F36" s="138"/>
      <c r="G36" s="138"/>
      <c r="H36" s="138"/>
      <c r="I36" s="138"/>
      <c r="J36" s="138"/>
      <c r="K36" s="138"/>
      <c r="L36" s="138"/>
      <c r="M36" s="138"/>
      <c r="N36" s="138"/>
      <c r="O36" s="138"/>
      <c r="P36" s="138"/>
    </row>
    <row r="37" spans="1:16" x14ac:dyDescent="0.25">
      <c r="A37" s="26" t="s">
        <v>5</v>
      </c>
      <c r="B37" s="141" t="s">
        <v>64</v>
      </c>
      <c r="C37" s="141"/>
      <c r="D37" s="141"/>
      <c r="E37" s="141"/>
      <c r="F37" s="141"/>
      <c r="G37" s="141"/>
      <c r="H37" s="141"/>
      <c r="I37" s="141"/>
      <c r="J37" s="141"/>
      <c r="K37" s="141"/>
      <c r="L37" s="141"/>
      <c r="M37" s="141"/>
      <c r="N37" s="141"/>
      <c r="O37" s="141"/>
      <c r="P37" s="141"/>
    </row>
    <row r="38" spans="1:16" ht="26.25" customHeight="1" x14ac:dyDescent="0.25">
      <c r="A38" s="41" t="s">
        <v>5</v>
      </c>
      <c r="B38" s="144" t="s">
        <v>96</v>
      </c>
      <c r="C38" s="144"/>
      <c r="D38" s="144"/>
      <c r="E38" s="144"/>
      <c r="F38" s="144"/>
      <c r="G38" s="144"/>
      <c r="H38" s="144"/>
      <c r="I38" s="144"/>
      <c r="J38" s="144"/>
      <c r="K38" s="144"/>
      <c r="L38" s="144"/>
      <c r="M38" s="144"/>
      <c r="N38" s="144"/>
      <c r="O38" s="144"/>
      <c r="P38" s="144"/>
    </row>
    <row r="39" spans="1:16" x14ac:dyDescent="0.25">
      <c r="A39" s="41" t="s">
        <v>5</v>
      </c>
      <c r="B39" s="142" t="s">
        <v>67</v>
      </c>
      <c r="C39" s="142"/>
      <c r="D39" s="142"/>
      <c r="E39" s="142"/>
      <c r="F39" s="142"/>
      <c r="G39" s="142"/>
      <c r="H39" s="142"/>
      <c r="I39" s="142"/>
      <c r="J39" s="142"/>
      <c r="K39" s="142"/>
      <c r="L39" s="142"/>
      <c r="M39" s="142"/>
      <c r="N39" s="142"/>
      <c r="O39" s="142"/>
      <c r="P39" s="142"/>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71" t="s">
        <v>26</v>
      </c>
      <c r="C41" s="72"/>
      <c r="D41" s="72"/>
      <c r="E41" s="72"/>
      <c r="F41" s="72"/>
      <c r="G41" s="72"/>
      <c r="H41" s="72"/>
      <c r="I41" s="72"/>
      <c r="J41" s="72"/>
      <c r="K41" s="53"/>
      <c r="L41" s="53"/>
      <c r="M41" s="53"/>
      <c r="N41" s="53"/>
      <c r="O41" s="53"/>
      <c r="P41" s="53"/>
    </row>
    <row r="43" spans="1:16" x14ac:dyDescent="0.25">
      <c r="A43" s="45"/>
      <c r="B43" s="141" t="s">
        <v>21</v>
      </c>
      <c r="C43" s="141"/>
      <c r="D43" s="141"/>
      <c r="E43" s="141"/>
      <c r="F43" s="141"/>
      <c r="G43" s="141"/>
      <c r="H43" s="141"/>
      <c r="I43" s="141"/>
      <c r="J43" s="141"/>
      <c r="K43" s="141"/>
      <c r="L43" s="141"/>
      <c r="M43" s="141"/>
      <c r="N43" s="141"/>
      <c r="O43" s="141"/>
      <c r="P43" s="141"/>
    </row>
    <row r="44" spans="1:16" ht="25.5" customHeight="1" x14ac:dyDescent="0.25">
      <c r="A44" s="93"/>
      <c r="B44" s="139" t="s">
        <v>197</v>
      </c>
      <c r="C44" s="138"/>
      <c r="D44" s="138"/>
      <c r="E44" s="138"/>
      <c r="F44" s="138"/>
      <c r="G44" s="138"/>
      <c r="H44" s="138"/>
      <c r="I44" s="138"/>
      <c r="J44" s="138"/>
      <c r="K44" s="138"/>
      <c r="L44" s="138"/>
      <c r="M44" s="138"/>
      <c r="N44" s="138"/>
      <c r="O44" s="138"/>
      <c r="P44" s="138"/>
    </row>
    <row r="45" spans="1:16" ht="13.5" customHeight="1" x14ac:dyDescent="0.25"/>
    <row r="46" spans="1:16" ht="11.25" customHeight="1" x14ac:dyDescent="0.25">
      <c r="A46" s="137" t="s">
        <v>62</v>
      </c>
      <c r="B46" s="137"/>
      <c r="C46" s="137"/>
      <c r="D46" s="137"/>
      <c r="E46" s="137"/>
      <c r="F46" s="137"/>
      <c r="G46" s="137"/>
      <c r="H46" s="137"/>
      <c r="I46" s="137"/>
      <c r="J46" s="137"/>
      <c r="K46" s="137"/>
      <c r="L46" s="137"/>
      <c r="M46" s="137"/>
      <c r="N46" s="137"/>
      <c r="O46" s="137"/>
      <c r="P46" s="137"/>
    </row>
    <row r="47" spans="1:16" s="53" customFormat="1" x14ac:dyDescent="0.25">
      <c r="A47" s="41" t="s">
        <v>5</v>
      </c>
      <c r="B47" s="134" t="s">
        <v>63</v>
      </c>
      <c r="C47" s="134"/>
      <c r="D47" s="134"/>
      <c r="E47" s="134"/>
      <c r="F47" s="134"/>
      <c r="G47" s="134"/>
      <c r="H47" s="134"/>
      <c r="I47" s="134"/>
      <c r="J47" s="134"/>
      <c r="K47" s="134"/>
      <c r="L47" s="134"/>
      <c r="M47" s="134"/>
      <c r="N47" s="134"/>
      <c r="O47" s="134"/>
      <c r="P47" s="134"/>
    </row>
    <row r="48" spans="1:16" x14ac:dyDescent="0.25">
      <c r="A48" s="41" t="s">
        <v>5</v>
      </c>
      <c r="B48" s="138" t="s">
        <v>139</v>
      </c>
      <c r="C48" s="138"/>
      <c r="D48" s="138"/>
      <c r="E48" s="138"/>
      <c r="F48" s="138"/>
      <c r="G48" s="138"/>
      <c r="H48" s="138"/>
      <c r="I48" s="138"/>
      <c r="J48" s="138"/>
      <c r="K48" s="138"/>
      <c r="L48" s="138"/>
      <c r="M48" s="138"/>
      <c r="N48" s="138"/>
      <c r="O48" s="138"/>
      <c r="P48" s="138"/>
    </row>
    <row r="49" spans="1:16" s="53" customFormat="1" ht="25.5" customHeight="1" x14ac:dyDescent="0.25">
      <c r="A49" s="41" t="s">
        <v>5</v>
      </c>
      <c r="B49" s="134" t="s">
        <v>74</v>
      </c>
      <c r="C49" s="134"/>
      <c r="D49" s="134"/>
      <c r="E49" s="134"/>
      <c r="F49" s="134"/>
      <c r="G49" s="134"/>
      <c r="H49" s="134"/>
      <c r="I49" s="134"/>
      <c r="J49" s="134"/>
      <c r="K49" s="134"/>
      <c r="L49" s="134"/>
      <c r="M49" s="134"/>
      <c r="N49" s="134"/>
      <c r="O49" s="134"/>
      <c r="P49" s="134"/>
    </row>
    <row r="50" spans="1:16" s="53" customFormat="1" ht="12" customHeight="1" x14ac:dyDescent="0.25">
      <c r="A50" s="41" t="s">
        <v>5</v>
      </c>
      <c r="B50" s="134" t="s">
        <v>75</v>
      </c>
      <c r="C50" s="134"/>
      <c r="D50" s="134"/>
      <c r="E50" s="134"/>
      <c r="F50" s="134"/>
      <c r="G50" s="134"/>
      <c r="H50" s="134"/>
      <c r="I50" s="134"/>
      <c r="J50" s="134"/>
      <c r="K50" s="134"/>
      <c r="L50" s="134"/>
      <c r="M50" s="134"/>
      <c r="N50" s="134"/>
      <c r="O50" s="134"/>
      <c r="P50" s="134"/>
    </row>
    <row r="51" spans="1:16" s="53" customFormat="1" ht="37.5" customHeight="1" x14ac:dyDescent="0.25">
      <c r="A51" s="41" t="s">
        <v>5</v>
      </c>
      <c r="B51" s="134" t="s">
        <v>66</v>
      </c>
      <c r="C51" s="134"/>
      <c r="D51" s="134"/>
      <c r="E51" s="134"/>
      <c r="F51" s="134"/>
      <c r="G51" s="134"/>
      <c r="H51" s="134"/>
      <c r="I51" s="134"/>
      <c r="J51" s="134"/>
      <c r="K51" s="134"/>
      <c r="L51" s="134"/>
      <c r="M51" s="134"/>
      <c r="N51" s="134"/>
      <c r="O51" s="134"/>
      <c r="P51" s="134"/>
    </row>
    <row r="52" spans="1:16" s="53" customFormat="1" x14ac:dyDescent="0.25">
      <c r="A52" s="41" t="s">
        <v>5</v>
      </c>
      <c r="B52" s="135" t="s">
        <v>130</v>
      </c>
      <c r="C52" s="135"/>
      <c r="D52" s="135"/>
      <c r="E52" s="135"/>
      <c r="F52" s="135"/>
      <c r="G52" s="135"/>
      <c r="H52" s="135"/>
      <c r="I52" s="135"/>
      <c r="J52" s="135"/>
      <c r="K52" s="135"/>
      <c r="L52" s="135"/>
      <c r="M52" s="135"/>
      <c r="N52" s="135"/>
      <c r="O52" s="135"/>
      <c r="P52" s="135"/>
    </row>
    <row r="53" spans="1:16" ht="24" customHeight="1" x14ac:dyDescent="0.25">
      <c r="A53" s="41" t="s">
        <v>5</v>
      </c>
      <c r="B53" s="148" t="s">
        <v>142</v>
      </c>
      <c r="C53" s="148"/>
      <c r="D53" s="148"/>
      <c r="E53" s="148"/>
      <c r="F53" s="148"/>
      <c r="G53" s="148"/>
      <c r="H53" s="148"/>
      <c r="I53" s="148"/>
      <c r="J53" s="148"/>
      <c r="K53" s="148"/>
      <c r="L53" s="148"/>
      <c r="M53" s="148"/>
      <c r="N53" s="148"/>
      <c r="O53" s="148"/>
      <c r="P53" s="148"/>
    </row>
    <row r="54" spans="1:16" x14ac:dyDescent="0.25">
      <c r="A54" s="41" t="s">
        <v>5</v>
      </c>
      <c r="B54" s="136" t="s">
        <v>129</v>
      </c>
      <c r="C54" s="136"/>
      <c r="D54" s="136"/>
      <c r="E54" s="136"/>
      <c r="F54" s="136"/>
      <c r="G54" s="136"/>
      <c r="H54" s="136"/>
      <c r="I54" s="136"/>
      <c r="J54" s="136"/>
      <c r="K54" s="136"/>
      <c r="L54" s="136"/>
      <c r="M54" s="136"/>
      <c r="N54" s="136"/>
      <c r="O54" s="136"/>
      <c r="P54" s="136"/>
    </row>
    <row r="55" spans="1:16" s="53" customFormat="1" x14ac:dyDescent="0.25">
      <c r="A55" s="36" t="s">
        <v>5</v>
      </c>
      <c r="B55" s="147" t="s">
        <v>143</v>
      </c>
      <c r="C55" s="147"/>
      <c r="D55" s="147"/>
      <c r="E55" s="147"/>
      <c r="F55" s="147"/>
      <c r="G55" s="147"/>
      <c r="H55" s="147"/>
      <c r="I55" s="147"/>
      <c r="J55" s="147"/>
      <c r="K55" s="147"/>
      <c r="L55" s="147"/>
      <c r="M55" s="147"/>
      <c r="N55" s="147"/>
      <c r="O55" s="147"/>
      <c r="P55" s="147"/>
    </row>
    <row r="56" spans="1:16" s="49" customFormat="1" ht="12" customHeight="1" x14ac:dyDescent="0.25">
      <c r="A56" s="41" t="s">
        <v>5</v>
      </c>
      <c r="B56" s="147" t="s">
        <v>22</v>
      </c>
      <c r="C56" s="147"/>
      <c r="D56" s="147"/>
      <c r="E56" s="147"/>
      <c r="F56" s="147"/>
      <c r="G56" s="147"/>
      <c r="H56" s="147"/>
      <c r="I56" s="147"/>
      <c r="J56" s="147"/>
      <c r="K56" s="147"/>
      <c r="L56" s="147"/>
      <c r="M56" s="147"/>
      <c r="N56" s="147"/>
      <c r="O56" s="147"/>
    </row>
    <row r="57" spans="1:16" x14ac:dyDescent="0.25">
      <c r="A57" s="41"/>
      <c r="B57" s="54"/>
      <c r="C57" s="54"/>
      <c r="D57" s="54"/>
      <c r="E57" s="54"/>
      <c r="F57" s="54"/>
      <c r="G57" s="54"/>
      <c r="H57" s="54"/>
      <c r="I57" s="54"/>
      <c r="J57" s="54"/>
      <c r="K57" s="54"/>
      <c r="L57" s="54"/>
      <c r="M57" s="54"/>
      <c r="N57" s="54"/>
      <c r="O57" s="54"/>
      <c r="P57" s="54"/>
    </row>
    <row r="58" spans="1:16" ht="11.25" customHeight="1" x14ac:dyDescent="0.25">
      <c r="A58" s="137" t="s">
        <v>134</v>
      </c>
      <c r="B58" s="137"/>
      <c r="C58" s="137"/>
      <c r="D58" s="137"/>
      <c r="E58" s="137"/>
      <c r="F58" s="137"/>
      <c r="G58" s="137"/>
      <c r="H58" s="137"/>
      <c r="I58" s="137"/>
      <c r="J58" s="137"/>
      <c r="K58" s="137"/>
      <c r="L58" s="137"/>
      <c r="M58" s="137"/>
      <c r="N58" s="137"/>
      <c r="O58" s="137"/>
      <c r="P58" s="137"/>
    </row>
    <row r="59" spans="1:16" s="53" customFormat="1" x14ac:dyDescent="0.25">
      <c r="A59" s="55"/>
      <c r="B59" s="56"/>
      <c r="C59" s="56"/>
      <c r="D59" s="56"/>
      <c r="E59" s="56"/>
      <c r="F59" s="56"/>
      <c r="G59" s="56"/>
      <c r="H59" s="56"/>
      <c r="I59" s="56"/>
      <c r="J59" s="56"/>
      <c r="K59" s="56"/>
      <c r="L59" s="56"/>
      <c r="M59" s="56"/>
      <c r="N59" s="56"/>
      <c r="O59" s="56"/>
      <c r="P59" s="56"/>
    </row>
    <row r="60" spans="1:16" x14ac:dyDescent="0.25">
      <c r="A60" s="41"/>
      <c r="B60" s="82" t="s">
        <v>115</v>
      </c>
      <c r="C60" s="80"/>
      <c r="D60" s="80"/>
      <c r="E60" s="80"/>
      <c r="F60" s="80"/>
      <c r="G60" s="80"/>
      <c r="H60" s="80"/>
      <c r="I60" s="80"/>
      <c r="J60" s="80"/>
      <c r="K60" s="80"/>
      <c r="L60" s="80"/>
      <c r="M60" s="80"/>
      <c r="N60" s="80"/>
      <c r="O60" s="80"/>
      <c r="P60" s="80"/>
    </row>
    <row r="61" spans="1:16" ht="8.25" customHeight="1" x14ac:dyDescent="0.25">
      <c r="A61" s="41"/>
      <c r="B61" s="81"/>
      <c r="C61" s="80"/>
      <c r="D61" s="80"/>
      <c r="E61" s="80"/>
      <c r="F61" s="80"/>
      <c r="G61" s="80"/>
      <c r="H61" s="80"/>
      <c r="I61" s="80"/>
      <c r="J61" s="80"/>
      <c r="K61" s="80"/>
      <c r="L61" s="80"/>
      <c r="M61" s="80"/>
      <c r="N61" s="80"/>
      <c r="O61" s="80"/>
      <c r="P61" s="80"/>
    </row>
    <row r="62" spans="1:16" ht="66.75" customHeight="1" x14ac:dyDescent="0.25">
      <c r="A62" s="41"/>
      <c r="B62" s="136" t="s">
        <v>232</v>
      </c>
      <c r="C62" s="136"/>
      <c r="D62" s="136"/>
      <c r="E62" s="136"/>
      <c r="F62" s="136"/>
      <c r="G62" s="136"/>
      <c r="H62" s="136"/>
      <c r="I62" s="136"/>
      <c r="J62" s="136"/>
      <c r="K62" s="136"/>
      <c r="L62" s="136"/>
      <c r="M62" s="136"/>
      <c r="N62" s="136"/>
      <c r="O62" s="136"/>
      <c r="P62" s="136"/>
    </row>
    <row r="63" spans="1:16" s="53" customFormat="1" x14ac:dyDescent="0.25">
      <c r="A63" s="55"/>
      <c r="B63" s="57"/>
      <c r="C63" s="57"/>
      <c r="D63" s="57"/>
      <c r="E63" s="57"/>
      <c r="F63" s="57"/>
      <c r="G63" s="57"/>
      <c r="H63" s="57"/>
      <c r="I63" s="57"/>
      <c r="J63" s="57"/>
      <c r="K63" s="57"/>
      <c r="L63" s="57"/>
      <c r="M63" s="57"/>
      <c r="N63" s="57"/>
      <c r="O63" s="57"/>
      <c r="P63" s="57"/>
    </row>
    <row r="64" spans="1:16" ht="12" customHeight="1" x14ac:dyDescent="0.25">
      <c r="A64" s="137" t="s">
        <v>27</v>
      </c>
      <c r="B64" s="137"/>
      <c r="C64" s="137"/>
      <c r="D64" s="137"/>
      <c r="E64" s="137"/>
      <c r="F64" s="137"/>
      <c r="G64" s="137"/>
      <c r="H64" s="137"/>
      <c r="I64" s="137"/>
      <c r="J64" s="137"/>
      <c r="K64" s="137"/>
      <c r="L64" s="137"/>
      <c r="M64" s="137"/>
      <c r="N64" s="137"/>
      <c r="O64" s="137"/>
      <c r="P64" s="137"/>
    </row>
    <row r="66" spans="1:256" ht="29.25" customHeight="1" x14ac:dyDescent="0.25">
      <c r="B66" s="162" t="s">
        <v>137</v>
      </c>
      <c r="C66" s="162"/>
      <c r="D66" s="58">
        <v>0</v>
      </c>
      <c r="E66" s="58">
        <v>1</v>
      </c>
      <c r="F66" s="58">
        <v>2</v>
      </c>
      <c r="G66" s="58">
        <v>3</v>
      </c>
      <c r="H66" s="58">
        <v>4</v>
      </c>
      <c r="I66" s="58">
        <v>5</v>
      </c>
      <c r="J66" s="58">
        <v>6</v>
      </c>
      <c r="K66" s="58">
        <v>7</v>
      </c>
      <c r="L66" s="58">
        <v>8</v>
      </c>
      <c r="M66" s="58">
        <v>9</v>
      </c>
      <c r="N66" s="58">
        <v>10</v>
      </c>
      <c r="O66" s="58" t="s">
        <v>55</v>
      </c>
      <c r="P66" s="58" t="s">
        <v>133</v>
      </c>
    </row>
    <row r="67" spans="1:256" x14ac:dyDescent="0.25">
      <c r="B67" s="163" t="s">
        <v>93</v>
      </c>
      <c r="C67" s="163"/>
      <c r="D67" s="59">
        <v>3.7999999999999999E-2</v>
      </c>
      <c r="E67" s="59">
        <v>0.04</v>
      </c>
      <c r="F67" s="59">
        <v>4.2500000000000003E-2</v>
      </c>
      <c r="G67" s="59">
        <v>4.4999999999999998E-2</v>
      </c>
      <c r="H67" s="59">
        <v>4.8000000000000001E-2</v>
      </c>
      <c r="I67" s="59">
        <v>0.05</v>
      </c>
      <c r="J67" s="59">
        <v>5.3999999999999999E-2</v>
      </c>
      <c r="K67" s="59">
        <v>5.7000000000000002E-2</v>
      </c>
      <c r="L67" s="59">
        <v>0.06</v>
      </c>
      <c r="M67" s="59">
        <v>6.3E-2</v>
      </c>
      <c r="N67" s="59">
        <v>6.7000000000000004E-2</v>
      </c>
      <c r="O67" s="59">
        <v>7.1999999999999995E-2</v>
      </c>
      <c r="P67" s="83">
        <v>400</v>
      </c>
    </row>
    <row r="69" spans="1:256" s="49" customFormat="1" ht="12" customHeight="1" x14ac:dyDescent="0.25">
      <c r="A69" s="137" t="s">
        <v>138</v>
      </c>
      <c r="B69" s="137"/>
      <c r="C69" s="137"/>
      <c r="D69" s="137"/>
      <c r="E69" s="137"/>
      <c r="F69" s="137"/>
      <c r="G69" s="137"/>
      <c r="H69" s="137"/>
      <c r="I69" s="137"/>
      <c r="J69" s="137"/>
      <c r="K69" s="137"/>
      <c r="L69" s="137"/>
      <c r="M69" s="137"/>
      <c r="N69" s="137"/>
      <c r="O69" s="137"/>
      <c r="P69" s="137"/>
      <c r="Q69" s="156" t="s">
        <v>27</v>
      </c>
      <c r="R69" s="156"/>
      <c r="S69" s="156"/>
      <c r="T69" s="156"/>
      <c r="U69" s="156"/>
      <c r="V69" s="156"/>
      <c r="W69" s="156"/>
      <c r="X69" s="156"/>
      <c r="Y69" s="156"/>
      <c r="Z69" s="156"/>
      <c r="AA69" s="156"/>
      <c r="AB69" s="156"/>
      <c r="AC69" s="156"/>
      <c r="AD69" s="156"/>
      <c r="AE69" s="156"/>
      <c r="AF69" s="156"/>
      <c r="AG69" s="156" t="s">
        <v>27</v>
      </c>
      <c r="AH69" s="156"/>
      <c r="AI69" s="156"/>
      <c r="AJ69" s="156"/>
      <c r="AK69" s="156"/>
      <c r="AL69" s="156"/>
      <c r="AM69" s="156"/>
      <c r="AN69" s="156"/>
      <c r="AO69" s="156"/>
      <c r="AP69" s="156"/>
      <c r="AQ69" s="156"/>
      <c r="AR69" s="156"/>
      <c r="AS69" s="156"/>
      <c r="AT69" s="156"/>
      <c r="AU69" s="156"/>
      <c r="AV69" s="156"/>
      <c r="AW69" s="156" t="s">
        <v>27</v>
      </c>
      <c r="AX69" s="156"/>
      <c r="AY69" s="156"/>
      <c r="AZ69" s="156"/>
      <c r="BA69" s="156"/>
      <c r="BB69" s="156"/>
      <c r="BC69" s="156"/>
      <c r="BD69" s="156"/>
      <c r="BE69" s="156"/>
      <c r="BF69" s="156"/>
      <c r="BG69" s="156"/>
      <c r="BH69" s="156"/>
      <c r="BI69" s="156"/>
      <c r="BJ69" s="156"/>
      <c r="BK69" s="156"/>
      <c r="BL69" s="156"/>
      <c r="BM69" s="156" t="s">
        <v>27</v>
      </c>
      <c r="BN69" s="156"/>
      <c r="BO69" s="156"/>
      <c r="BP69" s="156"/>
      <c r="BQ69" s="156"/>
      <c r="BR69" s="156"/>
      <c r="BS69" s="156"/>
      <c r="BT69" s="156"/>
      <c r="BU69" s="156"/>
      <c r="BV69" s="156"/>
      <c r="BW69" s="156"/>
      <c r="BX69" s="156"/>
      <c r="BY69" s="156"/>
      <c r="BZ69" s="156"/>
      <c r="CA69" s="156"/>
      <c r="CB69" s="156"/>
      <c r="CC69" s="156" t="s">
        <v>27</v>
      </c>
      <c r="CD69" s="156"/>
      <c r="CE69" s="156"/>
      <c r="CF69" s="156"/>
      <c r="CG69" s="156"/>
      <c r="CH69" s="156"/>
      <c r="CI69" s="156"/>
      <c r="CJ69" s="156"/>
      <c r="CK69" s="156"/>
      <c r="CL69" s="156"/>
      <c r="CM69" s="156"/>
      <c r="CN69" s="156"/>
      <c r="CO69" s="156"/>
      <c r="CP69" s="156"/>
      <c r="CQ69" s="156"/>
      <c r="CR69" s="156"/>
      <c r="CS69" s="156" t="s">
        <v>27</v>
      </c>
      <c r="CT69" s="156"/>
      <c r="CU69" s="156"/>
      <c r="CV69" s="156"/>
      <c r="CW69" s="156"/>
      <c r="CX69" s="156"/>
      <c r="CY69" s="156"/>
      <c r="CZ69" s="156"/>
      <c r="DA69" s="156"/>
      <c r="DB69" s="156"/>
      <c r="DC69" s="156"/>
      <c r="DD69" s="156"/>
      <c r="DE69" s="156"/>
      <c r="DF69" s="156"/>
      <c r="DG69" s="156"/>
      <c r="DH69" s="156"/>
      <c r="DI69" s="156" t="s">
        <v>27</v>
      </c>
      <c r="DJ69" s="156"/>
      <c r="DK69" s="156"/>
      <c r="DL69" s="156"/>
      <c r="DM69" s="156"/>
      <c r="DN69" s="156"/>
      <c r="DO69" s="156"/>
      <c r="DP69" s="156"/>
      <c r="DQ69" s="156"/>
      <c r="DR69" s="156"/>
      <c r="DS69" s="156"/>
      <c r="DT69" s="156"/>
      <c r="DU69" s="156"/>
      <c r="DV69" s="156"/>
      <c r="DW69" s="156"/>
      <c r="DX69" s="156"/>
      <c r="DY69" s="156" t="s">
        <v>27</v>
      </c>
      <c r="DZ69" s="156"/>
      <c r="EA69" s="156"/>
      <c r="EB69" s="156"/>
      <c r="EC69" s="156"/>
      <c r="ED69" s="156"/>
      <c r="EE69" s="156"/>
      <c r="EF69" s="156"/>
      <c r="EG69" s="156"/>
      <c r="EH69" s="156"/>
      <c r="EI69" s="156"/>
      <c r="EJ69" s="156"/>
      <c r="EK69" s="156"/>
      <c r="EL69" s="156"/>
      <c r="EM69" s="156"/>
      <c r="EN69" s="156"/>
      <c r="EO69" s="156" t="s">
        <v>27</v>
      </c>
      <c r="EP69" s="156"/>
      <c r="EQ69" s="156"/>
      <c r="ER69" s="156"/>
      <c r="ES69" s="156"/>
      <c r="ET69" s="156"/>
      <c r="EU69" s="156"/>
      <c r="EV69" s="156"/>
      <c r="EW69" s="156"/>
      <c r="EX69" s="156"/>
      <c r="EY69" s="156"/>
      <c r="EZ69" s="156"/>
      <c r="FA69" s="156"/>
      <c r="FB69" s="156"/>
      <c r="FC69" s="156"/>
      <c r="FD69" s="156"/>
      <c r="FE69" s="156" t="s">
        <v>27</v>
      </c>
      <c r="FF69" s="156"/>
      <c r="FG69" s="156"/>
      <c r="FH69" s="156"/>
      <c r="FI69" s="156"/>
      <c r="FJ69" s="156"/>
      <c r="FK69" s="156"/>
      <c r="FL69" s="156"/>
      <c r="FM69" s="156"/>
      <c r="FN69" s="156"/>
      <c r="FO69" s="156"/>
      <c r="FP69" s="156"/>
      <c r="FQ69" s="156"/>
      <c r="FR69" s="156"/>
      <c r="FS69" s="156"/>
      <c r="FT69" s="156"/>
      <c r="FU69" s="156" t="s">
        <v>27</v>
      </c>
      <c r="FV69" s="156"/>
      <c r="FW69" s="156"/>
      <c r="FX69" s="156"/>
      <c r="FY69" s="156"/>
      <c r="FZ69" s="156"/>
      <c r="GA69" s="156"/>
      <c r="GB69" s="156"/>
      <c r="GC69" s="156"/>
      <c r="GD69" s="156"/>
      <c r="GE69" s="156"/>
      <c r="GF69" s="156"/>
      <c r="GG69" s="156"/>
      <c r="GH69" s="156"/>
      <c r="GI69" s="156"/>
      <c r="GJ69" s="156"/>
      <c r="GK69" s="156" t="s">
        <v>27</v>
      </c>
      <c r="GL69" s="156"/>
      <c r="GM69" s="156"/>
      <c r="GN69" s="156"/>
      <c r="GO69" s="156"/>
      <c r="GP69" s="156"/>
      <c r="GQ69" s="156"/>
      <c r="GR69" s="156"/>
      <c r="GS69" s="156"/>
      <c r="GT69" s="156"/>
      <c r="GU69" s="156"/>
      <c r="GV69" s="156"/>
      <c r="GW69" s="156"/>
      <c r="GX69" s="156"/>
      <c r="GY69" s="156"/>
      <c r="GZ69" s="156"/>
      <c r="HA69" s="156" t="s">
        <v>27</v>
      </c>
      <c r="HB69" s="156"/>
      <c r="HC69" s="156"/>
      <c r="HD69" s="156"/>
      <c r="HE69" s="156"/>
      <c r="HF69" s="156"/>
      <c r="HG69" s="156"/>
      <c r="HH69" s="156"/>
      <c r="HI69" s="156"/>
      <c r="HJ69" s="156"/>
      <c r="HK69" s="156"/>
      <c r="HL69" s="156"/>
      <c r="HM69" s="156"/>
      <c r="HN69" s="156"/>
      <c r="HO69" s="156"/>
      <c r="HP69" s="156"/>
      <c r="HQ69" s="156" t="s">
        <v>27</v>
      </c>
      <c r="HR69" s="156"/>
      <c r="HS69" s="156"/>
      <c r="HT69" s="156"/>
      <c r="HU69" s="156"/>
      <c r="HV69" s="156"/>
      <c r="HW69" s="156"/>
      <c r="HX69" s="156"/>
      <c r="HY69" s="156"/>
      <c r="HZ69" s="156"/>
      <c r="IA69" s="156"/>
      <c r="IB69" s="156"/>
      <c r="IC69" s="156"/>
      <c r="ID69" s="156"/>
      <c r="IE69" s="156"/>
      <c r="IF69" s="156"/>
      <c r="IG69" s="156" t="s">
        <v>27</v>
      </c>
      <c r="IH69" s="156"/>
      <c r="II69" s="156"/>
      <c r="IJ69" s="156"/>
      <c r="IK69" s="156"/>
      <c r="IL69" s="156"/>
      <c r="IM69" s="156"/>
      <c r="IN69" s="156"/>
      <c r="IO69" s="156"/>
      <c r="IP69" s="156"/>
      <c r="IQ69" s="156"/>
      <c r="IR69" s="156"/>
      <c r="IS69" s="156"/>
      <c r="IT69" s="156"/>
      <c r="IU69" s="156"/>
      <c r="IV69" s="156"/>
    </row>
    <row r="70" spans="1:256" x14ac:dyDescent="0.25">
      <c r="A70" s="26" t="s">
        <v>5</v>
      </c>
      <c r="B70" s="45" t="s">
        <v>31</v>
      </c>
    </row>
    <row r="71" spans="1:256" x14ac:dyDescent="0.25">
      <c r="B71" s="45"/>
      <c r="C71" s="60"/>
    </row>
    <row r="72" spans="1:256" x14ac:dyDescent="0.25">
      <c r="D72" s="61"/>
      <c r="E72" s="61"/>
      <c r="F72" s="61"/>
      <c r="G72" s="61"/>
      <c r="H72" s="61"/>
      <c r="I72" s="61"/>
      <c r="J72" s="61"/>
      <c r="K72" s="61"/>
      <c r="L72" s="61"/>
      <c r="M72" s="61"/>
      <c r="N72" s="61"/>
      <c r="O72" s="61"/>
    </row>
    <row r="75" spans="1:256" x14ac:dyDescent="0.25">
      <c r="D75" s="62"/>
    </row>
    <row r="157" spans="1:256" s="26" customFormat="1" x14ac:dyDescent="0.25">
      <c r="A157" s="63"/>
      <c r="B157" s="63"/>
      <c r="C157" s="63"/>
      <c r="D157" s="63"/>
      <c r="E157" s="63"/>
      <c r="F157" s="63"/>
      <c r="G157" s="63"/>
      <c r="H157" s="63"/>
      <c r="I157" s="63"/>
      <c r="K157" s="28"/>
      <c r="L157" s="28"/>
      <c r="M157" s="28"/>
      <c r="N157" s="28"/>
      <c r="O157" s="28"/>
      <c r="P157" s="28"/>
      <c r="Q157" s="28"/>
      <c r="R157" s="28"/>
      <c r="S157" s="28"/>
      <c r="T157" s="28"/>
      <c r="U157" s="28"/>
      <c r="V157" s="28"/>
      <c r="W157" s="28"/>
      <c r="X157" s="28"/>
      <c r="Y157" s="28"/>
      <c r="Z157" s="28"/>
      <c r="AA157" s="28"/>
      <c r="AB157" s="28"/>
      <c r="AC157" s="28"/>
      <c r="AD157" s="28"/>
      <c r="AE157" s="28"/>
      <c r="AF157" s="28"/>
      <c r="AG157" s="28"/>
      <c r="AH157" s="28"/>
      <c r="AI157" s="28"/>
      <c r="AJ157" s="28"/>
      <c r="AK157" s="28"/>
      <c r="AL157" s="28"/>
      <c r="AM157" s="28"/>
      <c r="AN157" s="28"/>
      <c r="AO157" s="28"/>
      <c r="AP157" s="28"/>
      <c r="AQ157" s="28"/>
      <c r="AR157" s="28"/>
      <c r="AS157" s="28"/>
      <c r="AT157" s="28"/>
      <c r="AU157" s="28"/>
      <c r="AV157" s="28"/>
      <c r="AW157" s="28"/>
      <c r="AX157" s="28"/>
      <c r="AY157" s="28"/>
      <c r="AZ157" s="28"/>
      <c r="BA157" s="28"/>
      <c r="BB157" s="28"/>
      <c r="BC157" s="28"/>
      <c r="BD157" s="28"/>
      <c r="BE157" s="28"/>
      <c r="BF157" s="28"/>
      <c r="BG157" s="28"/>
      <c r="BH157" s="28"/>
      <c r="BI157" s="28"/>
      <c r="BJ157" s="28"/>
      <c r="BK157" s="28"/>
      <c r="BL157" s="28"/>
      <c r="BM157" s="28"/>
      <c r="BN157" s="28"/>
      <c r="BO157" s="28"/>
      <c r="BP157" s="28"/>
      <c r="BQ157" s="28"/>
      <c r="BR157" s="28"/>
      <c r="BS157" s="28"/>
      <c r="BT157" s="28"/>
      <c r="BU157" s="28"/>
      <c r="BV157" s="28"/>
      <c r="BW157" s="28"/>
      <c r="BX157" s="28"/>
      <c r="BY157" s="28"/>
      <c r="BZ157" s="28"/>
      <c r="CA157" s="28"/>
      <c r="CB157" s="28"/>
      <c r="CC157" s="28"/>
      <c r="CD157" s="28"/>
      <c r="CE157" s="28"/>
      <c r="CF157" s="28"/>
      <c r="CG157" s="28"/>
      <c r="CH157" s="28"/>
      <c r="CI157" s="28"/>
      <c r="CJ157" s="28"/>
      <c r="CK157" s="28"/>
      <c r="CL157" s="28"/>
      <c r="CM157" s="28"/>
      <c r="CN157" s="28"/>
      <c r="CO157" s="28"/>
      <c r="CP157" s="28"/>
      <c r="CQ157" s="28"/>
      <c r="CR157" s="28"/>
      <c r="CS157" s="28"/>
      <c r="CT157" s="28"/>
      <c r="CU157" s="28"/>
      <c r="CV157" s="28"/>
      <c r="CW157" s="28"/>
      <c r="CX157" s="28"/>
      <c r="CY157" s="28"/>
      <c r="CZ157" s="28"/>
      <c r="DA157" s="28"/>
      <c r="DB157" s="28"/>
      <c r="DC157" s="28"/>
      <c r="DD157" s="28"/>
      <c r="DE157" s="28"/>
      <c r="DF157" s="28"/>
      <c r="DG157" s="28"/>
      <c r="DH157" s="28"/>
      <c r="DI157" s="28"/>
      <c r="DJ157" s="28"/>
      <c r="DK157" s="28"/>
      <c r="DL157" s="28"/>
      <c r="DM157" s="28"/>
      <c r="DN157" s="28"/>
      <c r="DO157" s="28"/>
      <c r="DP157" s="28"/>
      <c r="DQ157" s="28"/>
      <c r="DR157" s="28"/>
      <c r="DS157" s="28"/>
      <c r="DT157" s="28"/>
      <c r="DU157" s="28"/>
      <c r="DV157" s="28"/>
      <c r="DW157" s="28"/>
      <c r="DX157" s="28"/>
      <c r="DY157" s="28"/>
      <c r="DZ157" s="28"/>
      <c r="EA157" s="28"/>
      <c r="EB157" s="28"/>
      <c r="EC157" s="28"/>
      <c r="ED157" s="28"/>
      <c r="EE157" s="28"/>
      <c r="EF157" s="28"/>
      <c r="EG157" s="28"/>
      <c r="EH157" s="28"/>
      <c r="EI157" s="28"/>
      <c r="EJ157" s="28"/>
      <c r="EK157" s="28"/>
      <c r="EL157" s="28"/>
      <c r="EM157" s="28"/>
      <c r="EN157" s="28"/>
      <c r="EO157" s="28"/>
      <c r="EP157" s="28"/>
      <c r="EQ157" s="28"/>
      <c r="ER157" s="28"/>
      <c r="ES157" s="28"/>
      <c r="ET157" s="28"/>
      <c r="EU157" s="28"/>
      <c r="EV157" s="28"/>
      <c r="EW157" s="28"/>
      <c r="EX157" s="28"/>
      <c r="EY157" s="28"/>
      <c r="EZ157" s="28"/>
      <c r="FA157" s="28"/>
      <c r="FB157" s="28"/>
      <c r="FC157" s="28"/>
      <c r="FD157" s="28"/>
      <c r="FE157" s="28"/>
      <c r="FF157" s="28"/>
      <c r="FG157" s="28"/>
      <c r="FH157" s="28"/>
      <c r="FI157" s="28"/>
      <c r="FJ157" s="28"/>
      <c r="FK157" s="28"/>
      <c r="FL157" s="28"/>
      <c r="FM157" s="28"/>
      <c r="FN157" s="28"/>
      <c r="FO157" s="28"/>
      <c r="FP157" s="28"/>
      <c r="FQ157" s="28"/>
      <c r="FR157" s="28"/>
      <c r="FS157" s="28"/>
      <c r="FT157" s="28"/>
      <c r="FU157" s="28"/>
      <c r="FV157" s="28"/>
      <c r="FW157" s="28"/>
      <c r="FX157" s="28"/>
      <c r="FY157" s="28"/>
      <c r="FZ157" s="28"/>
      <c r="GA157" s="28"/>
      <c r="GB157" s="28"/>
      <c r="GC157" s="28"/>
      <c r="GD157" s="28"/>
      <c r="GE157" s="28"/>
      <c r="GF157" s="28"/>
      <c r="GG157" s="28"/>
      <c r="GH157" s="28"/>
      <c r="GI157" s="28"/>
      <c r="GJ157" s="28"/>
      <c r="GK157" s="28"/>
      <c r="GL157" s="28"/>
      <c r="GM157" s="28"/>
      <c r="GN157" s="28"/>
      <c r="GO157" s="28"/>
      <c r="GP157" s="28"/>
      <c r="GQ157" s="28"/>
      <c r="GR157" s="28"/>
      <c r="GS157" s="28"/>
      <c r="GT157" s="28"/>
      <c r="GU157" s="28"/>
      <c r="GV157" s="28"/>
      <c r="GW157" s="28"/>
      <c r="GX157" s="28"/>
      <c r="GY157" s="28"/>
      <c r="GZ157" s="28"/>
      <c r="HA157" s="28"/>
      <c r="HB157" s="28"/>
      <c r="HC157" s="28"/>
      <c r="HD157" s="28"/>
      <c r="HE157" s="28"/>
      <c r="HF157" s="28"/>
      <c r="HG157" s="28"/>
      <c r="HH157" s="28"/>
      <c r="HI157" s="28"/>
      <c r="HJ157" s="28"/>
      <c r="HK157" s="28"/>
      <c r="HL157" s="28"/>
      <c r="HM157" s="28"/>
      <c r="HN157" s="28"/>
      <c r="HO157" s="28"/>
      <c r="HP157" s="28"/>
      <c r="HQ157" s="28"/>
      <c r="HR157" s="28"/>
      <c r="HS157" s="28"/>
      <c r="HT157" s="28"/>
      <c r="HU157" s="28"/>
      <c r="HV157" s="28"/>
      <c r="HW157" s="28"/>
      <c r="HX157" s="28"/>
      <c r="HY157" s="28"/>
      <c r="HZ157" s="28"/>
      <c r="IA157" s="28"/>
      <c r="IB157" s="28"/>
      <c r="IC157" s="28"/>
      <c r="ID157" s="28"/>
      <c r="IE157" s="28"/>
      <c r="IF157" s="28"/>
      <c r="IG157" s="28"/>
      <c r="IH157" s="28"/>
      <c r="II157" s="28"/>
      <c r="IJ157" s="28"/>
      <c r="IK157" s="28"/>
      <c r="IL157" s="28"/>
      <c r="IM157" s="28"/>
      <c r="IN157" s="28"/>
      <c r="IO157" s="28"/>
      <c r="IP157" s="28"/>
      <c r="IQ157" s="28"/>
      <c r="IR157" s="28"/>
      <c r="IS157" s="28"/>
      <c r="IT157" s="28"/>
      <c r="IU157" s="28"/>
      <c r="IV157" s="28"/>
    </row>
  </sheetData>
  <mergeCells count="50">
    <mergeCell ref="B50:P50"/>
    <mergeCell ref="B51:P51"/>
    <mergeCell ref="B52:P52"/>
    <mergeCell ref="A46:P46"/>
    <mergeCell ref="B47:P47"/>
    <mergeCell ref="B48:P48"/>
    <mergeCell ref="B49:P49"/>
    <mergeCell ref="A4:P4"/>
    <mergeCell ref="A9:P9"/>
    <mergeCell ref="B12:M12"/>
    <mergeCell ref="B18:L18"/>
    <mergeCell ref="B21:M21"/>
    <mergeCell ref="B22:M22"/>
    <mergeCell ref="B44:P44"/>
    <mergeCell ref="A33:P33"/>
    <mergeCell ref="B34:M34"/>
    <mergeCell ref="B35:P35"/>
    <mergeCell ref="B36:P36"/>
    <mergeCell ref="B37:P37"/>
    <mergeCell ref="B38:P38"/>
    <mergeCell ref="B39:P39"/>
    <mergeCell ref="B43:P43"/>
    <mergeCell ref="A25:P25"/>
    <mergeCell ref="B29:M29"/>
    <mergeCell ref="B30:M30"/>
    <mergeCell ref="DY69:EN69"/>
    <mergeCell ref="EO69:FD69"/>
    <mergeCell ref="A64:P64"/>
    <mergeCell ref="B66:C66"/>
    <mergeCell ref="B67:C67"/>
    <mergeCell ref="CC69:CR69"/>
    <mergeCell ref="CS69:DH69"/>
    <mergeCell ref="DI69:DX69"/>
    <mergeCell ref="A69:P69"/>
    <mergeCell ref="Q69:AF69"/>
    <mergeCell ref="AG69:AV69"/>
    <mergeCell ref="AW69:BL69"/>
    <mergeCell ref="BM69:CB69"/>
    <mergeCell ref="B62:P62"/>
    <mergeCell ref="B53:P53"/>
    <mergeCell ref="B54:P54"/>
    <mergeCell ref="B55:P55"/>
    <mergeCell ref="B56:O56"/>
    <mergeCell ref="A58:P58"/>
    <mergeCell ref="GK69:GZ69"/>
    <mergeCell ref="HA69:HP69"/>
    <mergeCell ref="HQ69:IF69"/>
    <mergeCell ref="IG69:IV69"/>
    <mergeCell ref="FE69:FT69"/>
    <mergeCell ref="FU69:GJ6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8">
    <pageSetUpPr fitToPage="1"/>
  </sheetPr>
  <dimension ref="A3:IV163"/>
  <sheetViews>
    <sheetView showGridLines="0" topLeftCell="A67" workbookViewId="0">
      <selection activeCell="D72" sqref="D72:D73"/>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29.25" customHeight="1" x14ac:dyDescent="0.3">
      <c r="A4" s="149" t="s">
        <v>206</v>
      </c>
      <c r="B4" s="149"/>
      <c r="C4" s="149"/>
      <c r="D4" s="149"/>
      <c r="E4" s="149"/>
      <c r="F4" s="149"/>
      <c r="G4" s="149"/>
      <c r="H4" s="149"/>
      <c r="I4" s="149"/>
      <c r="J4" s="149"/>
      <c r="K4" s="149"/>
      <c r="L4" s="149"/>
      <c r="M4" s="149"/>
      <c r="N4" s="149"/>
      <c r="O4" s="149"/>
      <c r="P4" s="149"/>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7" t="s">
        <v>4</v>
      </c>
      <c r="B9" s="137"/>
      <c r="C9" s="137"/>
      <c r="D9" s="137"/>
      <c r="E9" s="137"/>
      <c r="F9" s="137"/>
      <c r="G9" s="137"/>
      <c r="H9" s="137"/>
      <c r="I9" s="137"/>
      <c r="J9" s="137"/>
      <c r="K9" s="137"/>
      <c r="L9" s="137"/>
      <c r="M9" s="137"/>
      <c r="N9" s="137"/>
      <c r="O9" s="137"/>
      <c r="P9" s="137"/>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50" t="s">
        <v>70</v>
      </c>
      <c r="C12" s="150"/>
      <c r="D12" s="150"/>
      <c r="E12" s="150"/>
      <c r="F12" s="150"/>
      <c r="G12" s="150"/>
      <c r="H12" s="150"/>
      <c r="I12" s="150"/>
      <c r="J12" s="150"/>
      <c r="K12" s="150"/>
      <c r="L12" s="150"/>
      <c r="M12" s="150"/>
      <c r="O12" s="42">
        <v>10000</v>
      </c>
      <c r="P12" s="43" t="s">
        <v>9</v>
      </c>
    </row>
    <row r="13" spans="1:16" x14ac:dyDescent="0.25">
      <c r="A13" s="26" t="s">
        <v>5</v>
      </c>
      <c r="B13" s="45" t="s">
        <v>29</v>
      </c>
      <c r="I13" s="28"/>
      <c r="J13" s="28"/>
      <c r="O13" s="40"/>
      <c r="P13" s="26"/>
    </row>
    <row r="14" spans="1:16" x14ac:dyDescent="0.25">
      <c r="B14" s="44" t="s">
        <v>10</v>
      </c>
      <c r="I14" s="28"/>
      <c r="J14" s="28"/>
      <c r="O14" s="42">
        <v>20000</v>
      </c>
      <c r="P14" s="45" t="s">
        <v>9</v>
      </c>
    </row>
    <row r="15" spans="1:16" x14ac:dyDescent="0.25">
      <c r="B15" s="44" t="s">
        <v>11</v>
      </c>
      <c r="I15" s="28"/>
      <c r="J15" s="28"/>
      <c r="O15" s="42">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8" t="s">
        <v>13</v>
      </c>
      <c r="C18" s="138"/>
      <c r="D18" s="138"/>
      <c r="E18" s="138"/>
      <c r="F18" s="138"/>
      <c r="G18" s="138"/>
      <c r="H18" s="138"/>
      <c r="I18" s="138"/>
      <c r="J18" s="138"/>
      <c r="K18" s="138"/>
      <c r="L18" s="138"/>
      <c r="O18" s="40">
        <v>1000</v>
      </c>
    </row>
    <row r="19" spans="1:16" ht="12" customHeight="1" x14ac:dyDescent="0.25">
      <c r="A19" s="41" t="s">
        <v>5</v>
      </c>
      <c r="B19" s="138" t="s">
        <v>118</v>
      </c>
      <c r="C19" s="138"/>
      <c r="D19" s="138"/>
      <c r="E19" s="138"/>
      <c r="F19" s="138"/>
      <c r="G19" s="138"/>
      <c r="H19" s="138"/>
      <c r="I19" s="138"/>
      <c r="J19" s="138"/>
      <c r="K19" s="138"/>
      <c r="L19" s="138"/>
      <c r="M19" s="138"/>
      <c r="O19" s="40">
        <v>1000</v>
      </c>
    </row>
    <row r="20" spans="1:16" x14ac:dyDescent="0.25">
      <c r="A20" s="26" t="s">
        <v>5</v>
      </c>
      <c r="B20" s="45" t="s">
        <v>14</v>
      </c>
      <c r="I20" s="28"/>
      <c r="O20" s="36" t="s">
        <v>7</v>
      </c>
    </row>
    <row r="21" spans="1:16" x14ac:dyDescent="0.25">
      <c r="A21" s="26" t="s">
        <v>5</v>
      </c>
      <c r="B21" s="45" t="s">
        <v>15</v>
      </c>
      <c r="I21" s="28"/>
      <c r="O21" s="36" t="s">
        <v>7</v>
      </c>
    </row>
    <row r="22" spans="1:16" x14ac:dyDescent="0.25">
      <c r="A22" s="26" t="s">
        <v>5</v>
      </c>
      <c r="B22" s="141" t="s">
        <v>34</v>
      </c>
      <c r="C22" s="141"/>
      <c r="D22" s="141"/>
      <c r="E22" s="141"/>
      <c r="F22" s="141"/>
      <c r="G22" s="141"/>
      <c r="H22" s="141"/>
      <c r="I22" s="141"/>
      <c r="J22" s="141"/>
      <c r="K22" s="141"/>
      <c r="L22" s="141"/>
      <c r="M22" s="141"/>
      <c r="O22" s="36" t="s">
        <v>7</v>
      </c>
    </row>
    <row r="23" spans="1:16" x14ac:dyDescent="0.25">
      <c r="A23" s="41" t="s">
        <v>5</v>
      </c>
      <c r="B23" s="134" t="s">
        <v>91</v>
      </c>
      <c r="C23" s="134"/>
      <c r="D23" s="134"/>
      <c r="E23" s="134"/>
      <c r="F23" s="134"/>
      <c r="G23" s="134"/>
      <c r="H23" s="134"/>
      <c r="I23" s="134"/>
      <c r="J23" s="134"/>
      <c r="K23" s="134"/>
      <c r="L23" s="134"/>
      <c r="M23" s="134"/>
      <c r="N23" s="46"/>
      <c r="O23" s="42">
        <v>50000</v>
      </c>
    </row>
    <row r="24" spans="1:16" x14ac:dyDescent="0.25">
      <c r="A24" s="26" t="s">
        <v>5</v>
      </c>
      <c r="B24" s="45" t="s">
        <v>16</v>
      </c>
      <c r="I24" s="28"/>
      <c r="O24" s="36" t="s">
        <v>7</v>
      </c>
    </row>
    <row r="26" spans="1:16" ht="12" customHeight="1" x14ac:dyDescent="0.25">
      <c r="A26" s="137" t="s">
        <v>17</v>
      </c>
      <c r="B26" s="137"/>
      <c r="C26" s="137"/>
      <c r="D26" s="137"/>
      <c r="E26" s="137"/>
      <c r="F26" s="137"/>
      <c r="G26" s="137"/>
      <c r="H26" s="137"/>
      <c r="I26" s="137"/>
      <c r="J26" s="137"/>
      <c r="K26" s="137"/>
      <c r="L26" s="137"/>
      <c r="M26" s="137"/>
      <c r="N26" s="137"/>
      <c r="O26" s="137"/>
      <c r="P26" s="137"/>
    </row>
    <row r="27" spans="1:16" x14ac:dyDescent="0.25">
      <c r="A27" s="26" t="s">
        <v>5</v>
      </c>
      <c r="B27" s="45" t="s">
        <v>18</v>
      </c>
      <c r="I27" s="28"/>
      <c r="O27" s="47">
        <v>250</v>
      </c>
    </row>
    <row r="28" spans="1:16" x14ac:dyDescent="0.25">
      <c r="A28" s="26" t="s">
        <v>5</v>
      </c>
      <c r="B28" s="45" t="s">
        <v>19</v>
      </c>
      <c r="I28" s="28"/>
      <c r="O28" s="47">
        <v>250</v>
      </c>
    </row>
    <row r="29" spans="1:16" x14ac:dyDescent="0.25">
      <c r="A29" s="26" t="s">
        <v>5</v>
      </c>
      <c r="B29" s="45" t="s">
        <v>126</v>
      </c>
      <c r="I29" s="28"/>
      <c r="O29" s="50" t="s">
        <v>82</v>
      </c>
    </row>
    <row r="30" spans="1:16" x14ac:dyDescent="0.25">
      <c r="A30" s="41" t="s">
        <v>5</v>
      </c>
      <c r="B30" s="152" t="s">
        <v>127</v>
      </c>
      <c r="C30" s="152"/>
      <c r="D30" s="152"/>
      <c r="E30" s="152"/>
      <c r="F30" s="152"/>
      <c r="G30" s="152"/>
      <c r="H30" s="152"/>
      <c r="I30" s="152"/>
      <c r="J30" s="152"/>
      <c r="K30" s="152"/>
      <c r="L30" s="152"/>
      <c r="M30" s="152"/>
      <c r="N30" s="51"/>
      <c r="O30" s="73" t="s">
        <v>82</v>
      </c>
      <c r="P30" s="51"/>
    </row>
    <row r="31" spans="1:16" ht="12" customHeight="1" x14ac:dyDescent="0.25">
      <c r="A31" s="41" t="s">
        <v>5</v>
      </c>
      <c r="B31" s="148" t="s">
        <v>128</v>
      </c>
      <c r="C31" s="148"/>
      <c r="D31" s="148"/>
      <c r="E31" s="148"/>
      <c r="F31" s="148"/>
      <c r="G31" s="148"/>
      <c r="H31" s="148"/>
      <c r="I31" s="148"/>
      <c r="J31" s="148"/>
      <c r="K31" s="148"/>
      <c r="L31" s="148"/>
      <c r="M31" s="148"/>
      <c r="N31" s="84"/>
      <c r="O31" s="73" t="s">
        <v>82</v>
      </c>
      <c r="P31" s="84"/>
    </row>
    <row r="32" spans="1:16" x14ac:dyDescent="0.25">
      <c r="A32" s="36" t="s">
        <v>5</v>
      </c>
      <c r="B32" s="67" t="s">
        <v>123</v>
      </c>
      <c r="C32" s="50"/>
      <c r="D32" s="50"/>
      <c r="E32" s="50"/>
      <c r="F32" s="50"/>
      <c r="G32" s="50"/>
      <c r="H32" s="50"/>
      <c r="I32" s="49"/>
      <c r="J32" s="50"/>
      <c r="K32" s="49"/>
      <c r="L32" s="49"/>
      <c r="M32" s="49"/>
      <c r="N32" s="51"/>
      <c r="O32" s="50" t="s">
        <v>82</v>
      </c>
      <c r="P32" s="51"/>
    </row>
    <row r="33" spans="1:16" x14ac:dyDescent="0.25">
      <c r="A33" s="36"/>
      <c r="B33" s="68" t="s">
        <v>280</v>
      </c>
      <c r="C33" s="50"/>
      <c r="D33" s="50"/>
      <c r="E33" s="50"/>
      <c r="F33" s="50"/>
      <c r="G33" s="50"/>
      <c r="H33" s="50"/>
      <c r="I33" s="49"/>
      <c r="J33" s="50"/>
      <c r="K33" s="49"/>
      <c r="L33" s="49"/>
      <c r="M33" s="49"/>
      <c r="N33" s="51"/>
      <c r="O33" s="51"/>
      <c r="P33" s="51"/>
    </row>
    <row r="34" spans="1:16" x14ac:dyDescent="0.25">
      <c r="I34" s="48"/>
    </row>
    <row r="35" spans="1:16" ht="12" customHeight="1" x14ac:dyDescent="0.25">
      <c r="A35" s="137" t="s">
        <v>20</v>
      </c>
      <c r="B35" s="137"/>
      <c r="C35" s="137"/>
      <c r="D35" s="137"/>
      <c r="E35" s="137"/>
      <c r="F35" s="137"/>
      <c r="G35" s="137"/>
      <c r="H35" s="137"/>
      <c r="I35" s="137"/>
      <c r="J35" s="137"/>
      <c r="K35" s="137"/>
      <c r="L35" s="137"/>
      <c r="M35" s="137"/>
      <c r="N35" s="137"/>
      <c r="O35" s="137"/>
      <c r="P35" s="137"/>
    </row>
    <row r="36" spans="1:16" ht="12" customHeight="1" x14ac:dyDescent="0.25">
      <c r="A36" s="41" t="s">
        <v>5</v>
      </c>
      <c r="B36" s="138" t="s">
        <v>87</v>
      </c>
      <c r="C36" s="138"/>
      <c r="D36" s="138"/>
      <c r="E36" s="138"/>
      <c r="F36" s="138"/>
      <c r="G36" s="138"/>
      <c r="H36" s="138"/>
      <c r="I36" s="138"/>
      <c r="J36" s="138"/>
      <c r="K36" s="138"/>
      <c r="L36" s="138"/>
      <c r="M36" s="138"/>
      <c r="N36" s="113"/>
    </row>
    <row r="37" spans="1:16" ht="12" customHeight="1" x14ac:dyDescent="0.25">
      <c r="A37" s="41" t="s">
        <v>5</v>
      </c>
      <c r="B37" s="138" t="s">
        <v>222</v>
      </c>
      <c r="C37" s="138"/>
      <c r="D37" s="138"/>
      <c r="E37" s="138"/>
      <c r="F37" s="138"/>
      <c r="G37" s="138"/>
      <c r="H37" s="138"/>
      <c r="I37" s="138"/>
      <c r="J37" s="138"/>
      <c r="K37" s="138"/>
      <c r="L37" s="138"/>
      <c r="M37" s="138"/>
      <c r="N37" s="138"/>
      <c r="O37" s="138"/>
      <c r="P37" s="138"/>
    </row>
    <row r="38" spans="1:16" ht="12" customHeight="1" x14ac:dyDescent="0.25">
      <c r="A38" s="26" t="s">
        <v>5</v>
      </c>
      <c r="B38" s="138" t="s">
        <v>223</v>
      </c>
      <c r="C38" s="138"/>
      <c r="D38" s="138"/>
      <c r="E38" s="138"/>
      <c r="F38" s="138"/>
      <c r="G38" s="138"/>
      <c r="H38" s="138"/>
      <c r="I38" s="138"/>
      <c r="J38" s="138"/>
      <c r="K38" s="138"/>
      <c r="L38" s="138"/>
      <c r="M38" s="138"/>
      <c r="N38" s="138"/>
      <c r="O38" s="138"/>
      <c r="P38" s="138"/>
    </row>
    <row r="39" spans="1:16" x14ac:dyDescent="0.25">
      <c r="A39" s="26" t="s">
        <v>5</v>
      </c>
      <c r="B39" s="141" t="s">
        <v>83</v>
      </c>
      <c r="C39" s="141"/>
      <c r="D39" s="141"/>
      <c r="E39" s="141"/>
      <c r="F39" s="141"/>
      <c r="G39" s="141"/>
      <c r="H39" s="141"/>
      <c r="I39" s="141"/>
      <c r="J39" s="141"/>
      <c r="K39" s="141"/>
      <c r="L39" s="141"/>
      <c r="M39" s="141"/>
      <c r="N39" s="141"/>
      <c r="O39" s="141"/>
      <c r="P39" s="141"/>
    </row>
    <row r="40" spans="1:16" x14ac:dyDescent="0.25">
      <c r="A40" s="26" t="s">
        <v>5</v>
      </c>
      <c r="B40" s="141" t="s">
        <v>207</v>
      </c>
      <c r="C40" s="141"/>
      <c r="D40" s="141"/>
      <c r="E40" s="141"/>
      <c r="F40" s="141"/>
      <c r="G40" s="141"/>
      <c r="H40" s="141"/>
      <c r="I40" s="141"/>
      <c r="J40" s="141"/>
      <c r="K40" s="141"/>
      <c r="L40" s="141"/>
      <c r="M40" s="141"/>
      <c r="N40" s="141"/>
      <c r="O40" s="141"/>
      <c r="P40" s="141"/>
    </row>
    <row r="41" spans="1:16" ht="26.25" customHeight="1" x14ac:dyDescent="0.25">
      <c r="A41" s="41" t="s">
        <v>5</v>
      </c>
      <c r="B41" s="144" t="s">
        <v>96</v>
      </c>
      <c r="C41" s="144"/>
      <c r="D41" s="144"/>
      <c r="E41" s="144"/>
      <c r="F41" s="144"/>
      <c r="G41" s="144"/>
      <c r="H41" s="144"/>
      <c r="I41" s="144"/>
      <c r="J41" s="144"/>
      <c r="K41" s="144"/>
      <c r="L41" s="144"/>
      <c r="M41" s="144"/>
      <c r="N41" s="144"/>
      <c r="O41" s="144"/>
      <c r="P41" s="144"/>
    </row>
    <row r="42" spans="1:16" x14ac:dyDescent="0.25">
      <c r="A42" s="41" t="s">
        <v>5</v>
      </c>
      <c r="B42" s="142" t="s">
        <v>67</v>
      </c>
      <c r="C42" s="142"/>
      <c r="D42" s="142"/>
      <c r="E42" s="142"/>
      <c r="F42" s="142"/>
      <c r="G42" s="142"/>
      <c r="H42" s="142"/>
      <c r="I42" s="142"/>
      <c r="J42" s="142"/>
      <c r="K42" s="142"/>
      <c r="L42" s="142"/>
      <c r="M42" s="142"/>
      <c r="N42" s="142"/>
      <c r="O42" s="142"/>
      <c r="P42" s="142"/>
    </row>
    <row r="43" spans="1:16" x14ac:dyDescent="0.25">
      <c r="A43" s="26" t="s">
        <v>5</v>
      </c>
      <c r="B43" s="69" t="s">
        <v>65</v>
      </c>
      <c r="C43" s="63"/>
      <c r="D43" s="63"/>
      <c r="E43" s="63"/>
      <c r="F43" s="63"/>
      <c r="G43" s="63"/>
      <c r="H43" s="63"/>
      <c r="I43" s="63"/>
      <c r="J43" s="63"/>
      <c r="K43" s="70"/>
      <c r="L43" s="70"/>
      <c r="M43" s="70"/>
      <c r="N43" s="70"/>
      <c r="O43" s="70"/>
      <c r="P43" s="70"/>
    </row>
    <row r="44" spans="1:16" x14ac:dyDescent="0.25">
      <c r="A44" s="26" t="s">
        <v>5</v>
      </c>
      <c r="B44" s="69" t="s">
        <v>144</v>
      </c>
      <c r="C44" s="63"/>
      <c r="D44" s="63"/>
      <c r="E44" s="63"/>
      <c r="F44" s="63"/>
      <c r="G44" s="63"/>
      <c r="H44" s="63"/>
      <c r="I44" s="63"/>
      <c r="J44" s="63"/>
      <c r="K44" s="70"/>
      <c r="L44" s="70"/>
      <c r="M44" s="70"/>
      <c r="N44" s="70"/>
      <c r="O44" s="70"/>
      <c r="P44" s="70"/>
    </row>
    <row r="45" spans="1:16" x14ac:dyDescent="0.25">
      <c r="A45" s="26" t="s">
        <v>5</v>
      </c>
      <c r="B45" s="71" t="s">
        <v>208</v>
      </c>
      <c r="C45" s="72"/>
      <c r="D45" s="72"/>
      <c r="E45" s="72"/>
      <c r="F45" s="72"/>
      <c r="G45" s="72"/>
      <c r="H45" s="72"/>
      <c r="I45" s="72"/>
      <c r="J45" s="72"/>
      <c r="K45" s="53"/>
      <c r="L45" s="53"/>
      <c r="M45" s="53"/>
      <c r="N45" s="53"/>
      <c r="O45" s="53"/>
      <c r="P45" s="53"/>
    </row>
    <row r="46" spans="1:16" ht="24" customHeight="1" x14ac:dyDescent="0.25">
      <c r="A46" s="41" t="s">
        <v>5</v>
      </c>
      <c r="B46" s="158" t="s">
        <v>111</v>
      </c>
      <c r="C46" s="158"/>
      <c r="D46" s="158"/>
      <c r="E46" s="158"/>
      <c r="F46" s="158"/>
      <c r="G46" s="158"/>
      <c r="H46" s="158"/>
      <c r="I46" s="158"/>
      <c r="J46" s="158"/>
      <c r="K46" s="158"/>
      <c r="L46" s="158"/>
      <c r="M46" s="158"/>
      <c r="N46" s="158"/>
      <c r="O46" s="158"/>
      <c r="P46" s="158"/>
    </row>
    <row r="48" spans="1:16" x14ac:dyDescent="0.25">
      <c r="A48" s="45"/>
      <c r="B48" s="141" t="s">
        <v>21</v>
      </c>
      <c r="C48" s="141"/>
      <c r="D48" s="141"/>
      <c r="E48" s="141"/>
      <c r="F48" s="141"/>
      <c r="G48" s="141"/>
      <c r="H48" s="141"/>
      <c r="I48" s="141"/>
      <c r="J48" s="141"/>
      <c r="K48" s="141"/>
      <c r="L48" s="141"/>
      <c r="M48" s="141"/>
      <c r="N48" s="141"/>
      <c r="O48" s="141"/>
      <c r="P48" s="141"/>
    </row>
    <row r="49" spans="1:16" ht="25.5" customHeight="1" x14ac:dyDescent="0.25">
      <c r="A49" s="93"/>
      <c r="B49" s="139" t="s">
        <v>197</v>
      </c>
      <c r="C49" s="138"/>
      <c r="D49" s="138"/>
      <c r="E49" s="138"/>
      <c r="F49" s="138"/>
      <c r="G49" s="138"/>
      <c r="H49" s="138"/>
      <c r="I49" s="138"/>
      <c r="J49" s="138"/>
      <c r="K49" s="138"/>
      <c r="L49" s="138"/>
      <c r="M49" s="138"/>
      <c r="N49" s="138"/>
      <c r="O49" s="138"/>
      <c r="P49" s="138"/>
    </row>
    <row r="50" spans="1:16" ht="13.5" customHeight="1" x14ac:dyDescent="0.25"/>
    <row r="51" spans="1:16" ht="11.25" customHeight="1" x14ac:dyDescent="0.25">
      <c r="A51" s="137" t="s">
        <v>62</v>
      </c>
      <c r="B51" s="137"/>
      <c r="C51" s="137"/>
      <c r="D51" s="137"/>
      <c r="E51" s="137"/>
      <c r="F51" s="137"/>
      <c r="G51" s="137"/>
      <c r="H51" s="137"/>
      <c r="I51" s="137"/>
      <c r="J51" s="137"/>
      <c r="K51" s="137"/>
      <c r="L51" s="137"/>
      <c r="M51" s="137"/>
      <c r="N51" s="137"/>
      <c r="O51" s="137"/>
      <c r="P51" s="137"/>
    </row>
    <row r="52" spans="1:16" s="53" customFormat="1" x14ac:dyDescent="0.25">
      <c r="A52" s="41" t="s">
        <v>5</v>
      </c>
      <c r="B52" s="134" t="s">
        <v>63</v>
      </c>
      <c r="C52" s="134"/>
      <c r="D52" s="134"/>
      <c r="E52" s="134"/>
      <c r="F52" s="134"/>
      <c r="G52" s="134"/>
      <c r="H52" s="134"/>
      <c r="I52" s="134"/>
      <c r="J52" s="134"/>
      <c r="K52" s="134"/>
      <c r="L52" s="134"/>
      <c r="M52" s="134"/>
      <c r="N52" s="134"/>
      <c r="O52" s="134"/>
      <c r="P52" s="134"/>
    </row>
    <row r="53" spans="1:16" x14ac:dyDescent="0.25">
      <c r="A53" s="41" t="s">
        <v>5</v>
      </c>
      <c r="B53" s="138" t="s">
        <v>139</v>
      </c>
      <c r="C53" s="138"/>
      <c r="D53" s="138"/>
      <c r="E53" s="138"/>
      <c r="F53" s="138"/>
      <c r="G53" s="138"/>
      <c r="H53" s="138"/>
      <c r="I53" s="138"/>
      <c r="J53" s="138"/>
      <c r="K53" s="138"/>
      <c r="L53" s="138"/>
      <c r="M53" s="138"/>
      <c r="N53" s="138"/>
      <c r="O53" s="138"/>
      <c r="P53" s="138"/>
    </row>
    <row r="54" spans="1:16" s="53" customFormat="1" ht="25.5" customHeight="1" x14ac:dyDescent="0.25">
      <c r="A54" s="41" t="s">
        <v>5</v>
      </c>
      <c r="B54" s="134" t="s">
        <v>68</v>
      </c>
      <c r="C54" s="134"/>
      <c r="D54" s="134"/>
      <c r="E54" s="134"/>
      <c r="F54" s="134"/>
      <c r="G54" s="134"/>
      <c r="H54" s="134"/>
      <c r="I54" s="134"/>
      <c r="J54" s="134"/>
      <c r="K54" s="134"/>
      <c r="L54" s="134"/>
      <c r="M54" s="134"/>
      <c r="N54" s="134"/>
      <c r="O54" s="134"/>
      <c r="P54" s="134"/>
    </row>
    <row r="55" spans="1:16" s="53" customFormat="1" ht="12" customHeight="1" x14ac:dyDescent="0.25">
      <c r="A55" s="41" t="s">
        <v>5</v>
      </c>
      <c r="B55" s="134" t="s">
        <v>69</v>
      </c>
      <c r="C55" s="134"/>
      <c r="D55" s="134"/>
      <c r="E55" s="134"/>
      <c r="F55" s="134"/>
      <c r="G55" s="134"/>
      <c r="H55" s="134"/>
      <c r="I55" s="134"/>
      <c r="J55" s="134"/>
      <c r="K55" s="134"/>
      <c r="L55" s="134"/>
      <c r="M55" s="134"/>
      <c r="N55" s="134"/>
      <c r="O55" s="134"/>
      <c r="P55" s="134"/>
    </row>
    <row r="56" spans="1:16" s="53" customFormat="1" ht="37.5" customHeight="1" x14ac:dyDescent="0.25">
      <c r="A56" s="41" t="s">
        <v>5</v>
      </c>
      <c r="B56" s="134" t="s">
        <v>66</v>
      </c>
      <c r="C56" s="134"/>
      <c r="D56" s="134"/>
      <c r="E56" s="134"/>
      <c r="F56" s="134"/>
      <c r="G56" s="134"/>
      <c r="H56" s="134"/>
      <c r="I56" s="134"/>
      <c r="J56" s="134"/>
      <c r="K56" s="134"/>
      <c r="L56" s="134"/>
      <c r="M56" s="134"/>
      <c r="N56" s="134"/>
      <c r="O56" s="134"/>
      <c r="P56" s="134"/>
    </row>
    <row r="57" spans="1:16" s="53" customFormat="1" ht="27" customHeight="1" x14ac:dyDescent="0.25">
      <c r="A57" s="41" t="s">
        <v>5</v>
      </c>
      <c r="B57" s="134" t="s">
        <v>145</v>
      </c>
      <c r="C57" s="134"/>
      <c r="D57" s="134"/>
      <c r="E57" s="134"/>
      <c r="F57" s="134"/>
      <c r="G57" s="134"/>
      <c r="H57" s="134"/>
      <c r="I57" s="134"/>
      <c r="J57" s="134"/>
      <c r="K57" s="134"/>
      <c r="L57" s="134"/>
      <c r="M57" s="134"/>
      <c r="N57" s="134"/>
      <c r="O57" s="134"/>
      <c r="P57" s="134"/>
    </row>
    <row r="58" spans="1:16" s="53" customFormat="1" x14ac:dyDescent="0.25">
      <c r="A58" s="41" t="s">
        <v>5</v>
      </c>
      <c r="B58" s="135" t="s">
        <v>130</v>
      </c>
      <c r="C58" s="135"/>
      <c r="D58" s="135"/>
      <c r="E58" s="135"/>
      <c r="F58" s="135"/>
      <c r="G58" s="135"/>
      <c r="H58" s="135"/>
      <c r="I58" s="135"/>
      <c r="J58" s="135"/>
      <c r="K58" s="135"/>
      <c r="L58" s="135"/>
      <c r="M58" s="135"/>
      <c r="N58" s="135"/>
      <c r="O58" s="135"/>
      <c r="P58" s="135"/>
    </row>
    <row r="59" spans="1:16" ht="24" customHeight="1" x14ac:dyDescent="0.25">
      <c r="A59" s="41" t="s">
        <v>5</v>
      </c>
      <c r="B59" s="148" t="s">
        <v>142</v>
      </c>
      <c r="C59" s="148"/>
      <c r="D59" s="148"/>
      <c r="E59" s="148"/>
      <c r="F59" s="148"/>
      <c r="G59" s="148"/>
      <c r="H59" s="148"/>
      <c r="I59" s="148"/>
      <c r="J59" s="148"/>
      <c r="K59" s="148"/>
      <c r="L59" s="148"/>
      <c r="M59" s="148"/>
      <c r="N59" s="148"/>
      <c r="O59" s="148"/>
      <c r="P59" s="148"/>
    </row>
    <row r="60" spans="1:16" x14ac:dyDescent="0.25">
      <c r="A60" s="41" t="s">
        <v>5</v>
      </c>
      <c r="B60" s="136" t="s">
        <v>129</v>
      </c>
      <c r="C60" s="136"/>
      <c r="D60" s="136"/>
      <c r="E60" s="136"/>
      <c r="F60" s="136"/>
      <c r="G60" s="136"/>
      <c r="H60" s="136"/>
      <c r="I60" s="136"/>
      <c r="J60" s="136"/>
      <c r="K60" s="136"/>
      <c r="L60" s="136"/>
      <c r="M60" s="136"/>
      <c r="N60" s="136"/>
      <c r="O60" s="136"/>
      <c r="P60" s="136"/>
    </row>
    <row r="61" spans="1:16" x14ac:dyDescent="0.25">
      <c r="A61" s="41" t="s">
        <v>5</v>
      </c>
      <c r="B61" s="136" t="s">
        <v>28</v>
      </c>
      <c r="C61" s="136"/>
      <c r="D61" s="136"/>
      <c r="E61" s="136"/>
      <c r="F61" s="136"/>
      <c r="G61" s="136"/>
      <c r="H61" s="136"/>
      <c r="I61" s="136"/>
      <c r="J61" s="136"/>
      <c r="K61" s="136"/>
      <c r="L61" s="136"/>
      <c r="M61" s="136"/>
      <c r="N61" s="136"/>
      <c r="O61" s="136"/>
      <c r="P61" s="136"/>
    </row>
    <row r="62" spans="1:16" s="53" customFormat="1" x14ac:dyDescent="0.25">
      <c r="A62" s="36" t="s">
        <v>5</v>
      </c>
      <c r="B62" s="147" t="s">
        <v>146</v>
      </c>
      <c r="C62" s="147"/>
      <c r="D62" s="147"/>
      <c r="E62" s="147"/>
      <c r="F62" s="147"/>
      <c r="G62" s="147"/>
      <c r="H62" s="147"/>
      <c r="I62" s="147"/>
      <c r="J62" s="147"/>
      <c r="K62" s="147"/>
      <c r="L62" s="147"/>
      <c r="M62" s="147"/>
      <c r="N62" s="147"/>
      <c r="O62" s="147"/>
      <c r="P62" s="147"/>
    </row>
    <row r="63" spans="1:16" s="49" customFormat="1" ht="12" customHeight="1" x14ac:dyDescent="0.25">
      <c r="A63" s="41" t="s">
        <v>5</v>
      </c>
      <c r="B63" s="147" t="s">
        <v>22</v>
      </c>
      <c r="C63" s="147"/>
      <c r="D63" s="147"/>
      <c r="E63" s="147"/>
      <c r="F63" s="147"/>
      <c r="G63" s="147"/>
      <c r="H63" s="147"/>
      <c r="I63" s="147"/>
      <c r="J63" s="147"/>
      <c r="K63" s="147"/>
      <c r="L63" s="147"/>
      <c r="M63" s="147"/>
      <c r="N63" s="147"/>
      <c r="O63" s="147"/>
    </row>
    <row r="64" spans="1:16" x14ac:dyDescent="0.25">
      <c r="A64" s="41"/>
      <c r="B64" s="54"/>
      <c r="C64" s="54"/>
      <c r="D64" s="54"/>
      <c r="E64" s="54"/>
      <c r="F64" s="54"/>
      <c r="G64" s="54"/>
      <c r="H64" s="54"/>
      <c r="I64" s="54"/>
      <c r="J64" s="54"/>
      <c r="K64" s="54"/>
      <c r="L64" s="54"/>
      <c r="M64" s="54"/>
      <c r="N64" s="54"/>
      <c r="O64" s="54"/>
      <c r="P64" s="54"/>
    </row>
    <row r="65" spans="1:256" ht="11.25" customHeight="1" x14ac:dyDescent="0.25">
      <c r="A65" s="137" t="s">
        <v>134</v>
      </c>
      <c r="B65" s="137"/>
      <c r="C65" s="137"/>
      <c r="D65" s="137"/>
      <c r="E65" s="137"/>
      <c r="F65" s="137"/>
      <c r="G65" s="137"/>
      <c r="H65" s="137"/>
      <c r="I65" s="137"/>
      <c r="J65" s="137"/>
      <c r="K65" s="137"/>
      <c r="L65" s="137"/>
      <c r="M65" s="137"/>
      <c r="N65" s="137"/>
      <c r="O65" s="137"/>
      <c r="P65" s="137"/>
    </row>
    <row r="66" spans="1:256" x14ac:dyDescent="0.25">
      <c r="A66" s="41"/>
      <c r="B66" s="82" t="s">
        <v>115</v>
      </c>
      <c r="C66" s="80"/>
      <c r="D66" s="80"/>
      <c r="E66" s="80"/>
      <c r="F66" s="80"/>
      <c r="G66" s="80"/>
      <c r="H66" s="80"/>
      <c r="I66" s="80"/>
      <c r="J66" s="80"/>
      <c r="K66" s="80"/>
      <c r="L66" s="80"/>
      <c r="M66" s="80"/>
      <c r="N66" s="80"/>
      <c r="O66" s="80"/>
      <c r="P66" s="80"/>
    </row>
    <row r="67" spans="1:256" ht="8.25" customHeight="1" x14ac:dyDescent="0.25">
      <c r="A67" s="41"/>
      <c r="B67" s="81"/>
      <c r="C67" s="80"/>
      <c r="D67" s="80"/>
      <c r="E67" s="80"/>
      <c r="F67" s="80"/>
      <c r="G67" s="80"/>
      <c r="H67" s="80"/>
      <c r="I67" s="80"/>
      <c r="J67" s="80"/>
      <c r="K67" s="80"/>
      <c r="L67" s="80"/>
      <c r="M67" s="80"/>
      <c r="N67" s="80"/>
      <c r="O67" s="80"/>
      <c r="P67" s="80"/>
    </row>
    <row r="68" spans="1:256" ht="66.75" customHeight="1" x14ac:dyDescent="0.25">
      <c r="A68" s="41"/>
      <c r="B68" s="136" t="s">
        <v>232</v>
      </c>
      <c r="C68" s="136"/>
      <c r="D68" s="136"/>
      <c r="E68" s="136"/>
      <c r="F68" s="136"/>
      <c r="G68" s="136"/>
      <c r="H68" s="136"/>
      <c r="I68" s="136"/>
      <c r="J68" s="136"/>
      <c r="K68" s="136"/>
      <c r="L68" s="136"/>
      <c r="M68" s="136"/>
      <c r="N68" s="136"/>
      <c r="O68" s="136"/>
      <c r="P68" s="136"/>
    </row>
    <row r="69" spans="1:256" s="53" customFormat="1" x14ac:dyDescent="0.25">
      <c r="A69" s="55"/>
      <c r="B69" s="57"/>
      <c r="C69" s="57"/>
      <c r="D69" s="57"/>
      <c r="E69" s="57"/>
      <c r="F69" s="57"/>
      <c r="G69" s="57"/>
      <c r="H69" s="57"/>
      <c r="I69" s="57"/>
      <c r="J69" s="57"/>
      <c r="K69" s="57"/>
      <c r="L69" s="57"/>
      <c r="M69" s="57"/>
      <c r="N69" s="57"/>
      <c r="O69" s="57"/>
      <c r="P69" s="57"/>
    </row>
    <row r="70" spans="1:256" ht="12" customHeight="1" x14ac:dyDescent="0.25">
      <c r="A70" s="137" t="s">
        <v>27</v>
      </c>
      <c r="B70" s="137"/>
      <c r="C70" s="137"/>
      <c r="D70" s="137"/>
      <c r="E70" s="137"/>
      <c r="F70" s="137"/>
      <c r="G70" s="137"/>
      <c r="H70" s="137"/>
      <c r="I70" s="137"/>
      <c r="J70" s="137"/>
      <c r="K70" s="137"/>
      <c r="L70" s="137"/>
      <c r="M70" s="137"/>
      <c r="N70" s="137"/>
      <c r="O70" s="137"/>
      <c r="P70" s="137"/>
    </row>
    <row r="72" spans="1:256" ht="29.25" customHeight="1" x14ac:dyDescent="0.25">
      <c r="B72" s="140" t="s">
        <v>137</v>
      </c>
      <c r="C72" s="140"/>
      <c r="D72" s="129" t="s">
        <v>133</v>
      </c>
      <c r="E72" s="127"/>
      <c r="F72" s="127"/>
      <c r="G72" s="127"/>
      <c r="H72" s="127"/>
      <c r="I72" s="127"/>
      <c r="J72" s="127"/>
      <c r="K72" s="127"/>
      <c r="L72" s="127"/>
      <c r="M72" s="127"/>
      <c r="N72" s="127"/>
      <c r="O72" s="127"/>
    </row>
    <row r="73" spans="1:256" x14ac:dyDescent="0.25">
      <c r="B73" s="157" t="s">
        <v>93</v>
      </c>
      <c r="C73" s="157"/>
      <c r="D73" s="111">
        <v>400</v>
      </c>
      <c r="E73" s="128"/>
      <c r="F73" s="128"/>
      <c r="G73" s="128"/>
      <c r="H73" s="128"/>
      <c r="I73" s="128"/>
      <c r="J73" s="128"/>
      <c r="K73" s="128"/>
      <c r="L73" s="128"/>
      <c r="M73" s="128"/>
      <c r="N73" s="128"/>
      <c r="O73" s="128"/>
    </row>
    <row r="74" spans="1:256" x14ac:dyDescent="0.25">
      <c r="E74" s="185"/>
      <c r="F74" s="185"/>
      <c r="G74" s="185"/>
      <c r="H74" s="185"/>
      <c r="I74" s="185"/>
      <c r="J74" s="185"/>
      <c r="K74" s="181"/>
      <c r="L74" s="181"/>
      <c r="M74" s="181"/>
      <c r="N74" s="181"/>
      <c r="O74" s="181"/>
    </row>
    <row r="75" spans="1:256" s="49" customFormat="1" ht="12" customHeight="1" x14ac:dyDescent="0.25">
      <c r="A75" s="137" t="s">
        <v>138</v>
      </c>
      <c r="B75" s="137"/>
      <c r="C75" s="137"/>
      <c r="D75" s="137"/>
      <c r="E75" s="137"/>
      <c r="F75" s="137"/>
      <c r="G75" s="137"/>
      <c r="H75" s="137"/>
      <c r="I75" s="137"/>
      <c r="J75" s="137"/>
      <c r="K75" s="137"/>
      <c r="L75" s="137"/>
      <c r="M75" s="137"/>
      <c r="N75" s="137"/>
      <c r="O75" s="137"/>
      <c r="P75" s="137"/>
      <c r="Q75" s="156" t="s">
        <v>27</v>
      </c>
      <c r="R75" s="156"/>
      <c r="S75" s="156"/>
      <c r="T75" s="156"/>
      <c r="U75" s="156"/>
      <c r="V75" s="156"/>
      <c r="W75" s="156"/>
      <c r="X75" s="156"/>
      <c r="Y75" s="156"/>
      <c r="Z75" s="156"/>
      <c r="AA75" s="156"/>
      <c r="AB75" s="156"/>
      <c r="AC75" s="156"/>
      <c r="AD75" s="156"/>
      <c r="AE75" s="156"/>
      <c r="AF75" s="156"/>
      <c r="AG75" s="156" t="s">
        <v>27</v>
      </c>
      <c r="AH75" s="156"/>
      <c r="AI75" s="156"/>
      <c r="AJ75" s="156"/>
      <c r="AK75" s="156"/>
      <c r="AL75" s="156"/>
      <c r="AM75" s="156"/>
      <c r="AN75" s="156"/>
      <c r="AO75" s="156"/>
      <c r="AP75" s="156"/>
      <c r="AQ75" s="156"/>
      <c r="AR75" s="156"/>
      <c r="AS75" s="156"/>
      <c r="AT75" s="156"/>
      <c r="AU75" s="156"/>
      <c r="AV75" s="156"/>
      <c r="AW75" s="156" t="s">
        <v>27</v>
      </c>
      <c r="AX75" s="156"/>
      <c r="AY75" s="156"/>
      <c r="AZ75" s="156"/>
      <c r="BA75" s="156"/>
      <c r="BB75" s="156"/>
      <c r="BC75" s="156"/>
      <c r="BD75" s="156"/>
      <c r="BE75" s="156"/>
      <c r="BF75" s="156"/>
      <c r="BG75" s="156"/>
      <c r="BH75" s="156"/>
      <c r="BI75" s="156"/>
      <c r="BJ75" s="156"/>
      <c r="BK75" s="156"/>
      <c r="BL75" s="156"/>
      <c r="BM75" s="156" t="s">
        <v>27</v>
      </c>
      <c r="BN75" s="156"/>
      <c r="BO75" s="156"/>
      <c r="BP75" s="156"/>
      <c r="BQ75" s="156"/>
      <c r="BR75" s="156"/>
      <c r="BS75" s="156"/>
      <c r="BT75" s="156"/>
      <c r="BU75" s="156"/>
      <c r="BV75" s="156"/>
      <c r="BW75" s="156"/>
      <c r="BX75" s="156"/>
      <c r="BY75" s="156"/>
      <c r="BZ75" s="156"/>
      <c r="CA75" s="156"/>
      <c r="CB75" s="156"/>
      <c r="CC75" s="156" t="s">
        <v>27</v>
      </c>
      <c r="CD75" s="156"/>
      <c r="CE75" s="156"/>
      <c r="CF75" s="156"/>
      <c r="CG75" s="156"/>
      <c r="CH75" s="156"/>
      <c r="CI75" s="156"/>
      <c r="CJ75" s="156"/>
      <c r="CK75" s="156"/>
      <c r="CL75" s="156"/>
      <c r="CM75" s="156"/>
      <c r="CN75" s="156"/>
      <c r="CO75" s="156"/>
      <c r="CP75" s="156"/>
      <c r="CQ75" s="156"/>
      <c r="CR75" s="156"/>
      <c r="CS75" s="156" t="s">
        <v>27</v>
      </c>
      <c r="CT75" s="156"/>
      <c r="CU75" s="156"/>
      <c r="CV75" s="156"/>
      <c r="CW75" s="156"/>
      <c r="CX75" s="156"/>
      <c r="CY75" s="156"/>
      <c r="CZ75" s="156"/>
      <c r="DA75" s="156"/>
      <c r="DB75" s="156"/>
      <c r="DC75" s="156"/>
      <c r="DD75" s="156"/>
      <c r="DE75" s="156"/>
      <c r="DF75" s="156"/>
      <c r="DG75" s="156"/>
      <c r="DH75" s="156"/>
      <c r="DI75" s="156" t="s">
        <v>27</v>
      </c>
      <c r="DJ75" s="156"/>
      <c r="DK75" s="156"/>
      <c r="DL75" s="156"/>
      <c r="DM75" s="156"/>
      <c r="DN75" s="156"/>
      <c r="DO75" s="156"/>
      <c r="DP75" s="156"/>
      <c r="DQ75" s="156"/>
      <c r="DR75" s="156"/>
      <c r="DS75" s="156"/>
      <c r="DT75" s="156"/>
      <c r="DU75" s="156"/>
      <c r="DV75" s="156"/>
      <c r="DW75" s="156"/>
      <c r="DX75" s="156"/>
      <c r="DY75" s="156" t="s">
        <v>27</v>
      </c>
      <c r="DZ75" s="156"/>
      <c r="EA75" s="156"/>
      <c r="EB75" s="156"/>
      <c r="EC75" s="156"/>
      <c r="ED75" s="156"/>
      <c r="EE75" s="156"/>
      <c r="EF75" s="156"/>
      <c r="EG75" s="156"/>
      <c r="EH75" s="156"/>
      <c r="EI75" s="156"/>
      <c r="EJ75" s="156"/>
      <c r="EK75" s="156"/>
      <c r="EL75" s="156"/>
      <c r="EM75" s="156"/>
      <c r="EN75" s="156"/>
      <c r="EO75" s="156" t="s">
        <v>27</v>
      </c>
      <c r="EP75" s="156"/>
      <c r="EQ75" s="156"/>
      <c r="ER75" s="156"/>
      <c r="ES75" s="156"/>
      <c r="ET75" s="156"/>
      <c r="EU75" s="156"/>
      <c r="EV75" s="156"/>
      <c r="EW75" s="156"/>
      <c r="EX75" s="156"/>
      <c r="EY75" s="156"/>
      <c r="EZ75" s="156"/>
      <c r="FA75" s="156"/>
      <c r="FB75" s="156"/>
      <c r="FC75" s="156"/>
      <c r="FD75" s="156"/>
      <c r="FE75" s="156" t="s">
        <v>27</v>
      </c>
      <c r="FF75" s="156"/>
      <c r="FG75" s="156"/>
      <c r="FH75" s="156"/>
      <c r="FI75" s="156"/>
      <c r="FJ75" s="156"/>
      <c r="FK75" s="156"/>
      <c r="FL75" s="156"/>
      <c r="FM75" s="156"/>
      <c r="FN75" s="156"/>
      <c r="FO75" s="156"/>
      <c r="FP75" s="156"/>
      <c r="FQ75" s="156"/>
      <c r="FR75" s="156"/>
      <c r="FS75" s="156"/>
      <c r="FT75" s="156"/>
      <c r="FU75" s="156" t="s">
        <v>27</v>
      </c>
      <c r="FV75" s="156"/>
      <c r="FW75" s="156"/>
      <c r="FX75" s="156"/>
      <c r="FY75" s="156"/>
      <c r="FZ75" s="156"/>
      <c r="GA75" s="156"/>
      <c r="GB75" s="156"/>
      <c r="GC75" s="156"/>
      <c r="GD75" s="156"/>
      <c r="GE75" s="156"/>
      <c r="GF75" s="156"/>
      <c r="GG75" s="156"/>
      <c r="GH75" s="156"/>
      <c r="GI75" s="156"/>
      <c r="GJ75" s="156"/>
      <c r="GK75" s="156" t="s">
        <v>27</v>
      </c>
      <c r="GL75" s="156"/>
      <c r="GM75" s="156"/>
      <c r="GN75" s="156"/>
      <c r="GO75" s="156"/>
      <c r="GP75" s="156"/>
      <c r="GQ75" s="156"/>
      <c r="GR75" s="156"/>
      <c r="GS75" s="156"/>
      <c r="GT75" s="156"/>
      <c r="GU75" s="156"/>
      <c r="GV75" s="156"/>
      <c r="GW75" s="156"/>
      <c r="GX75" s="156"/>
      <c r="GY75" s="156"/>
      <c r="GZ75" s="156"/>
      <c r="HA75" s="156" t="s">
        <v>27</v>
      </c>
      <c r="HB75" s="156"/>
      <c r="HC75" s="156"/>
      <c r="HD75" s="156"/>
      <c r="HE75" s="156"/>
      <c r="HF75" s="156"/>
      <c r="HG75" s="156"/>
      <c r="HH75" s="156"/>
      <c r="HI75" s="156"/>
      <c r="HJ75" s="156"/>
      <c r="HK75" s="156"/>
      <c r="HL75" s="156"/>
      <c r="HM75" s="156"/>
      <c r="HN75" s="156"/>
      <c r="HO75" s="156"/>
      <c r="HP75" s="156"/>
      <c r="HQ75" s="156" t="s">
        <v>27</v>
      </c>
      <c r="HR75" s="156"/>
      <c r="HS75" s="156"/>
      <c r="HT75" s="156"/>
      <c r="HU75" s="156"/>
      <c r="HV75" s="156"/>
      <c r="HW75" s="156"/>
      <c r="HX75" s="156"/>
      <c r="HY75" s="156"/>
      <c r="HZ75" s="156"/>
      <c r="IA75" s="156"/>
      <c r="IB75" s="156"/>
      <c r="IC75" s="156"/>
      <c r="ID75" s="156"/>
      <c r="IE75" s="156"/>
      <c r="IF75" s="156"/>
      <c r="IG75" s="156" t="s">
        <v>27</v>
      </c>
      <c r="IH75" s="156"/>
      <c r="II75" s="156"/>
      <c r="IJ75" s="156"/>
      <c r="IK75" s="156"/>
      <c r="IL75" s="156"/>
      <c r="IM75" s="156"/>
      <c r="IN75" s="156"/>
      <c r="IO75" s="156"/>
      <c r="IP75" s="156"/>
      <c r="IQ75" s="156"/>
      <c r="IR75" s="156"/>
      <c r="IS75" s="156"/>
      <c r="IT75" s="156"/>
      <c r="IU75" s="156"/>
      <c r="IV75" s="156"/>
    </row>
    <row r="76" spans="1:256" x14ac:dyDescent="0.25">
      <c r="A76" s="26" t="s">
        <v>5</v>
      </c>
      <c r="B76" s="45" t="s">
        <v>31</v>
      </c>
    </row>
    <row r="77" spans="1:256" x14ac:dyDescent="0.25">
      <c r="B77" s="28"/>
      <c r="C77" s="28"/>
      <c r="D77" s="28"/>
      <c r="E77" s="28"/>
      <c r="F77" s="28"/>
      <c r="G77" s="28"/>
      <c r="H77" s="28"/>
      <c r="I77" s="28"/>
      <c r="J77" s="28"/>
    </row>
    <row r="78" spans="1:256" x14ac:dyDescent="0.25">
      <c r="B78" s="28"/>
      <c r="C78" s="28"/>
      <c r="D78" s="28"/>
      <c r="E78" s="28"/>
      <c r="F78" s="28"/>
      <c r="G78" s="28"/>
      <c r="H78" s="28"/>
      <c r="I78" s="28"/>
      <c r="J78" s="28"/>
    </row>
    <row r="79" spans="1:256" x14ac:dyDescent="0.25">
      <c r="B79" s="28"/>
      <c r="C79" s="28"/>
      <c r="D79" s="28"/>
      <c r="E79" s="28"/>
      <c r="F79" s="28"/>
      <c r="G79" s="28"/>
      <c r="H79" s="28"/>
      <c r="I79" s="28"/>
      <c r="J79" s="28"/>
    </row>
    <row r="80" spans="1:256" x14ac:dyDescent="0.25">
      <c r="B80" s="28"/>
      <c r="C80" s="28"/>
      <c r="D80" s="28"/>
      <c r="E80" s="28"/>
      <c r="F80" s="28"/>
      <c r="G80" s="28"/>
      <c r="H80" s="28"/>
      <c r="I80" s="28"/>
      <c r="J80" s="28"/>
    </row>
    <row r="81" spans="2:10" x14ac:dyDescent="0.25">
      <c r="B81" s="28"/>
      <c r="C81" s="28"/>
      <c r="D81" s="28"/>
      <c r="E81" s="28"/>
      <c r="F81" s="28"/>
      <c r="G81" s="28"/>
      <c r="H81" s="28"/>
      <c r="I81" s="28"/>
      <c r="J81" s="28"/>
    </row>
    <row r="82" spans="2:10" x14ac:dyDescent="0.25">
      <c r="B82" s="28"/>
      <c r="C82" s="28"/>
      <c r="D82" s="28"/>
      <c r="E82" s="28"/>
      <c r="F82" s="28"/>
      <c r="G82" s="28"/>
      <c r="H82" s="28"/>
      <c r="I82" s="28"/>
      <c r="J82" s="28"/>
    </row>
    <row r="83" spans="2:10" x14ac:dyDescent="0.25">
      <c r="B83" s="28"/>
      <c r="C83" s="28"/>
      <c r="D83" s="28"/>
      <c r="E83" s="28"/>
      <c r="F83" s="28"/>
      <c r="G83" s="28"/>
      <c r="H83" s="28"/>
      <c r="I83" s="28"/>
      <c r="J83" s="28"/>
    </row>
    <row r="84" spans="2:10" x14ac:dyDescent="0.25">
      <c r="B84" s="28"/>
      <c r="C84" s="28"/>
      <c r="D84" s="28"/>
      <c r="E84" s="28"/>
      <c r="F84" s="28"/>
      <c r="G84" s="28"/>
      <c r="H84" s="28"/>
      <c r="I84" s="28"/>
      <c r="J84" s="28"/>
    </row>
    <row r="163" spans="1:256"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c r="IV163" s="28"/>
    </row>
  </sheetData>
  <mergeCells count="55">
    <mergeCell ref="A35:P35"/>
    <mergeCell ref="B36:M36"/>
    <mergeCell ref="B38:P38"/>
    <mergeCell ref="B39:P39"/>
    <mergeCell ref="B37:P37"/>
    <mergeCell ref="A26:P26"/>
    <mergeCell ref="B30:M30"/>
    <mergeCell ref="B31:M31"/>
    <mergeCell ref="A4:P4"/>
    <mergeCell ref="A9:P9"/>
    <mergeCell ref="B12:M12"/>
    <mergeCell ref="B18:L18"/>
    <mergeCell ref="B22:M22"/>
    <mergeCell ref="B23:M23"/>
    <mergeCell ref="B19:M19"/>
    <mergeCell ref="B40:P40"/>
    <mergeCell ref="B49:P49"/>
    <mergeCell ref="B62:P62"/>
    <mergeCell ref="B42:P42"/>
    <mergeCell ref="B46:P46"/>
    <mergeCell ref="B48:P48"/>
    <mergeCell ref="A51:P51"/>
    <mergeCell ref="B41:P41"/>
    <mergeCell ref="B52:P52"/>
    <mergeCell ref="B53:P53"/>
    <mergeCell ref="B54:P54"/>
    <mergeCell ref="B55:P55"/>
    <mergeCell ref="B56:P56"/>
    <mergeCell ref="B57:P57"/>
    <mergeCell ref="B61:P61"/>
    <mergeCell ref="B63:O63"/>
    <mergeCell ref="A65:P65"/>
    <mergeCell ref="B58:P58"/>
    <mergeCell ref="B59:P59"/>
    <mergeCell ref="B60:P60"/>
    <mergeCell ref="CC75:CR75"/>
    <mergeCell ref="A70:P70"/>
    <mergeCell ref="B72:C72"/>
    <mergeCell ref="B73:C73"/>
    <mergeCell ref="B68:P68"/>
    <mergeCell ref="BM75:CB75"/>
    <mergeCell ref="A75:P75"/>
    <mergeCell ref="Q75:AF75"/>
    <mergeCell ref="AG75:AV75"/>
    <mergeCell ref="AW75:BL75"/>
    <mergeCell ref="GK75:GZ75"/>
    <mergeCell ref="HA75:HP75"/>
    <mergeCell ref="HQ75:IF75"/>
    <mergeCell ref="IG75:IV75"/>
    <mergeCell ref="CS75:DH75"/>
    <mergeCell ref="DI75:DX75"/>
    <mergeCell ref="DY75:EN75"/>
    <mergeCell ref="EO75:FD75"/>
    <mergeCell ref="FE75:FT75"/>
    <mergeCell ref="FU75:GJ75"/>
  </mergeCells>
  <printOptions horizontalCentered="1" verticalCentered="1"/>
  <pageMargins left="0.78740157480314965" right="0.78740157480314965" top="0.15748031496062992" bottom="0.51181102362204722" header="0" footer="0"/>
  <pageSetup paperSize="9" scale="63"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o" ma:contentTypeID="0x0101006CA3B545BEA00F44BBBD170254EA747E" ma:contentTypeVersion="0" ma:contentTypeDescription="Crear nuevo documento." ma:contentTypeScope="" ma:versionID="bb2de655a0ae1ade0635bf3a38c74696">
  <xsd:schema xmlns:xsd="http://www.w3.org/2001/XMLSchema" xmlns:p="http://schemas.microsoft.com/office/2006/metadata/properties" targetNamespace="http://schemas.microsoft.com/office/2006/metadata/properties" ma:root="true" ma:fieldsID="b004d877ca112f136821ba8115f64728">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ma:readOnly="true"/>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490B575-A36F-4F92-8981-551CC92D988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C6099A48-45C6-47FC-9CA2-22DC45940EB5}">
  <ds:schemaRefs>
    <ds:schemaRef ds:uri="http://schemas.microsoft.com/office/2006/documentManagement/types"/>
    <ds:schemaRef ds:uri="http://purl.org/dc/elements/1.1/"/>
    <ds:schemaRef ds:uri="http://purl.org/dc/terms/"/>
    <ds:schemaRef ds:uri="http://purl.org/dc/dcmitype/"/>
    <ds:schemaRef ds:uri="http://www.w3.org/XML/1998/namespace"/>
    <ds:schemaRef ds:uri="http://schemas.microsoft.com/office/2006/metadata/properties"/>
    <ds:schemaRef ds:uri="http://schemas.openxmlformats.org/package/2006/metadata/core-properties"/>
  </ds:schemaRefs>
</ds:datastoreItem>
</file>

<file path=customXml/itemProps3.xml><?xml version="1.0" encoding="utf-8"?>
<ds:datastoreItem xmlns:ds="http://schemas.openxmlformats.org/officeDocument/2006/customXml" ds:itemID="{7E821F5F-920F-4899-BFD0-F76D7D2D991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20</vt:i4>
      </vt:variant>
      <vt:variant>
        <vt:lpstr>Rangos con nombre</vt:lpstr>
      </vt:variant>
      <vt:variant>
        <vt:i4>19</vt:i4>
      </vt:variant>
    </vt:vector>
  </HeadingPairs>
  <TitlesOfParts>
    <vt:vector size="39" baseType="lpstr">
      <vt:lpstr>RESUMEN</vt:lpstr>
      <vt:lpstr>BAJO RIESGO 1</vt:lpstr>
      <vt:lpstr>BAJO RIESGO 2</vt:lpstr>
      <vt:lpstr>MEDIANO RIESGO</vt:lpstr>
      <vt:lpstr>ALTO RIESGO</vt:lpstr>
      <vt:lpstr>CHINOS E INDIOS</vt:lpstr>
      <vt:lpstr>TIMÓN CAMBIADO</vt:lpstr>
      <vt:lpstr>L5</vt:lpstr>
      <vt:lpstr>PICK UP</vt:lpstr>
      <vt:lpstr>L7</vt:lpstr>
      <vt:lpstr>L8</vt:lpstr>
      <vt:lpstr>L9</vt:lpstr>
      <vt:lpstr>VERSIÓN AMERICANA</vt:lpstr>
      <vt:lpstr>L11</vt:lpstr>
      <vt:lpstr>L12</vt:lpstr>
      <vt:lpstr>P1</vt:lpstr>
      <vt:lpstr>P2</vt:lpstr>
      <vt:lpstr>P3</vt:lpstr>
      <vt:lpstr>P4</vt:lpstr>
      <vt:lpstr>TASAS</vt:lpstr>
      <vt:lpstr>'ALTO RIESGO'!Área_de_impresión</vt:lpstr>
      <vt:lpstr>'BAJO RIESGO 1'!Área_de_impresión</vt:lpstr>
      <vt:lpstr>'BAJO RIESGO 2'!Área_de_impresión</vt:lpstr>
      <vt:lpstr>'CHINOS E INDIOS'!Área_de_impresión</vt:lpstr>
      <vt:lpstr>'L11'!Área_de_impresión</vt:lpstr>
      <vt:lpstr>'L12'!Área_de_impresión</vt:lpstr>
      <vt:lpstr>'L5'!Área_de_impresión</vt:lpstr>
      <vt:lpstr>'L7'!Área_de_impresión</vt:lpstr>
      <vt:lpstr>'L8'!Área_de_impresión</vt:lpstr>
      <vt:lpstr>'L9'!Área_de_impresión</vt:lpstr>
      <vt:lpstr>'MEDIANO RIESGO'!Área_de_impresión</vt:lpstr>
      <vt:lpstr>'P1'!Área_de_impresión</vt:lpstr>
      <vt:lpstr>'P2'!Área_de_impresión</vt:lpstr>
      <vt:lpstr>'P3'!Área_de_impresión</vt:lpstr>
      <vt:lpstr>'P4'!Área_de_impresión</vt:lpstr>
      <vt:lpstr>'PICK UP'!Área_de_impresión</vt:lpstr>
      <vt:lpstr>RESUMEN!Área_de_impresión</vt:lpstr>
      <vt:lpstr>'TIMÓN CAMBIADO'!Área_de_impresión</vt:lpstr>
      <vt:lpstr>'VERSIÓN AMERICANA'!Área_de_impresión</vt:lpstr>
    </vt:vector>
  </TitlesOfParts>
  <Company>Pacific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S Autos</dc:title>
  <dc:creator>Jorge Vignolo</dc:creator>
  <cp:lastModifiedBy>Vanessa Del Busto Herrera</cp:lastModifiedBy>
  <cp:lastPrinted>2013-05-31T19:38:19Z</cp:lastPrinted>
  <dcterms:created xsi:type="dcterms:W3CDTF">2008-04-24T15:09:54Z</dcterms:created>
  <dcterms:modified xsi:type="dcterms:W3CDTF">2021-10-25T21:57:0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CA3B545BEA00F44BBBD170254EA747E</vt:lpwstr>
  </property>
</Properties>
</file>